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notesSlides/notesSlide1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  <p:sldMasterId id="2147483703" r:id="rId6"/>
  </p:sldMasterIdLst>
  <p:notesMasterIdLst>
    <p:notesMasterId r:id="rId41"/>
  </p:notesMasterIdLst>
  <p:sldIdLst>
    <p:sldId id="2147483482" r:id="rId7"/>
    <p:sldId id="268" r:id="rId8"/>
    <p:sldId id="2147483479" r:id="rId9"/>
    <p:sldId id="2147483468" r:id="rId10"/>
    <p:sldId id="2147483480" r:id="rId11"/>
    <p:sldId id="2147483481" r:id="rId12"/>
    <p:sldId id="2147483274" r:id="rId13"/>
    <p:sldId id="2147483240" r:id="rId14"/>
    <p:sldId id="326" r:id="rId15"/>
    <p:sldId id="2147483466" r:id="rId16"/>
    <p:sldId id="2147483244" r:id="rId17"/>
    <p:sldId id="294" r:id="rId18"/>
    <p:sldId id="2147483442" r:id="rId19"/>
    <p:sldId id="2147483329" r:id="rId20"/>
    <p:sldId id="2147483371" r:id="rId21"/>
    <p:sldId id="2147483328" r:id="rId22"/>
    <p:sldId id="2147483434" r:id="rId23"/>
    <p:sldId id="2147483484" r:id="rId24"/>
    <p:sldId id="2147483485" r:id="rId25"/>
    <p:sldId id="2147483271" r:id="rId26"/>
    <p:sldId id="2147483277" r:id="rId27"/>
    <p:sldId id="2147483487" r:id="rId28"/>
    <p:sldId id="2147483461" r:id="rId29"/>
    <p:sldId id="2147483489" r:id="rId30"/>
    <p:sldId id="2147483473" r:id="rId31"/>
    <p:sldId id="2147483474" r:id="rId32"/>
    <p:sldId id="2147483475" r:id="rId33"/>
    <p:sldId id="2147483476" r:id="rId34"/>
    <p:sldId id="2147483477" r:id="rId35"/>
    <p:sldId id="2147483478" r:id="rId36"/>
    <p:sldId id="2147483490" r:id="rId37"/>
    <p:sldId id="2147483491" r:id="rId38"/>
    <p:sldId id="2147483492" r:id="rId39"/>
    <p:sldId id="2147483488" r:id="rId40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999999"/>
    <a:srgbClr val="E8DED4"/>
    <a:srgbClr val="E8C9BF"/>
    <a:srgbClr val="E9E402"/>
    <a:srgbClr val="6BA58F"/>
    <a:srgbClr val="154053"/>
    <a:srgbClr val="97856F"/>
    <a:srgbClr val="EFE8E1"/>
    <a:srgbClr val="F5F1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017" autoAdjust="0"/>
    <p:restoredTop sz="72760" autoAdjust="0"/>
  </p:normalViewPr>
  <p:slideViewPr>
    <p:cSldViewPr snapToGrid="0" showGuides="1">
      <p:cViewPr varScale="1">
        <p:scale>
          <a:sx n="80" d="100"/>
          <a:sy n="80" d="100"/>
        </p:scale>
        <p:origin x="1368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napToGrid="0" showGuides="1">
      <p:cViewPr varScale="1">
        <p:scale>
          <a:sx n="90" d="100"/>
          <a:sy n="90" d="100"/>
        </p:scale>
        <p:origin x="1458" y="90"/>
      </p:cViewPr>
      <p:guideLst/>
    </p:cSldViewPr>
  </p:notes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slide" Target="slides/slide12.xml"/><Relationship Id="rId26" Type="http://schemas.openxmlformats.org/officeDocument/2006/relationships/slide" Target="slides/slide20.xml"/><Relationship Id="rId39" Type="http://schemas.openxmlformats.org/officeDocument/2006/relationships/slide" Target="slides/slide33.xml"/><Relationship Id="rId3" Type="http://schemas.openxmlformats.org/officeDocument/2006/relationships/customXml" Target="../customXml/item3.xml"/><Relationship Id="rId21" Type="http://schemas.openxmlformats.org/officeDocument/2006/relationships/slide" Target="slides/slide15.xml"/><Relationship Id="rId34" Type="http://schemas.openxmlformats.org/officeDocument/2006/relationships/slide" Target="slides/slide28.xml"/><Relationship Id="rId42" Type="http://schemas.openxmlformats.org/officeDocument/2006/relationships/presProps" Target="presProps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slide" Target="slides/slide11.xml"/><Relationship Id="rId25" Type="http://schemas.openxmlformats.org/officeDocument/2006/relationships/slide" Target="slides/slide19.xml"/><Relationship Id="rId33" Type="http://schemas.openxmlformats.org/officeDocument/2006/relationships/slide" Target="slides/slide27.xml"/><Relationship Id="rId38" Type="http://schemas.openxmlformats.org/officeDocument/2006/relationships/slide" Target="slides/slide32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slide" Target="slides/slide14.xml"/><Relationship Id="rId29" Type="http://schemas.openxmlformats.org/officeDocument/2006/relationships/slide" Target="slides/slide23.xml"/><Relationship Id="rId41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5.xml"/><Relationship Id="rId24" Type="http://schemas.openxmlformats.org/officeDocument/2006/relationships/slide" Target="slides/slide18.xml"/><Relationship Id="rId32" Type="http://schemas.openxmlformats.org/officeDocument/2006/relationships/slide" Target="slides/slide26.xml"/><Relationship Id="rId37" Type="http://schemas.openxmlformats.org/officeDocument/2006/relationships/slide" Target="slides/slide31.xml"/><Relationship Id="rId40" Type="http://schemas.openxmlformats.org/officeDocument/2006/relationships/slide" Target="slides/slide34.xml"/><Relationship Id="rId45" Type="http://schemas.openxmlformats.org/officeDocument/2006/relationships/tableStyles" Target="tableStyle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9.xml"/><Relationship Id="rId23" Type="http://schemas.openxmlformats.org/officeDocument/2006/relationships/slide" Target="slides/slide17.xml"/><Relationship Id="rId28" Type="http://schemas.openxmlformats.org/officeDocument/2006/relationships/slide" Target="slides/slide22.xml"/><Relationship Id="rId36" Type="http://schemas.openxmlformats.org/officeDocument/2006/relationships/slide" Target="slides/slide30.xml"/><Relationship Id="rId10" Type="http://schemas.openxmlformats.org/officeDocument/2006/relationships/slide" Target="slides/slide4.xml"/><Relationship Id="rId19" Type="http://schemas.openxmlformats.org/officeDocument/2006/relationships/slide" Target="slides/slide13.xml"/><Relationship Id="rId31" Type="http://schemas.openxmlformats.org/officeDocument/2006/relationships/slide" Target="slides/slide25.xml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slide" Target="slides/slide16.xml"/><Relationship Id="rId27" Type="http://schemas.openxmlformats.org/officeDocument/2006/relationships/slide" Target="slides/slide21.xml"/><Relationship Id="rId30" Type="http://schemas.openxmlformats.org/officeDocument/2006/relationships/slide" Target="slides/slide24.xml"/><Relationship Id="rId35" Type="http://schemas.openxmlformats.org/officeDocument/2006/relationships/slide" Target="slides/slide29.xml"/><Relationship Id="rId43" Type="http://schemas.openxmlformats.org/officeDocument/2006/relationships/viewProps" Target="viewProps.xml"/></Relationships>
</file>

<file path=ppt/diagrams/_rels/data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8.svg"/><Relationship Id="rId3" Type="http://schemas.openxmlformats.org/officeDocument/2006/relationships/image" Target="../media/image43.png"/><Relationship Id="rId7" Type="http://schemas.openxmlformats.org/officeDocument/2006/relationships/image" Target="../media/image47.png"/><Relationship Id="rId2" Type="http://schemas.openxmlformats.org/officeDocument/2006/relationships/image" Target="../media/image42.svg"/><Relationship Id="rId1" Type="http://schemas.openxmlformats.org/officeDocument/2006/relationships/image" Target="../media/image41.png"/><Relationship Id="rId6" Type="http://schemas.openxmlformats.org/officeDocument/2006/relationships/image" Target="../media/image46.svg"/><Relationship Id="rId5" Type="http://schemas.openxmlformats.org/officeDocument/2006/relationships/image" Target="../media/image45.png"/><Relationship Id="rId10" Type="http://schemas.openxmlformats.org/officeDocument/2006/relationships/image" Target="../media/image50.svg"/><Relationship Id="rId4" Type="http://schemas.openxmlformats.org/officeDocument/2006/relationships/image" Target="../media/image44.svg"/><Relationship Id="rId9" Type="http://schemas.openxmlformats.org/officeDocument/2006/relationships/image" Target="../media/image49.png"/></Relationships>
</file>

<file path=ppt/diagram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8.svg"/><Relationship Id="rId3" Type="http://schemas.openxmlformats.org/officeDocument/2006/relationships/image" Target="../media/image43.png"/><Relationship Id="rId7" Type="http://schemas.openxmlformats.org/officeDocument/2006/relationships/image" Target="../media/image47.png"/><Relationship Id="rId2" Type="http://schemas.openxmlformats.org/officeDocument/2006/relationships/image" Target="../media/image42.svg"/><Relationship Id="rId1" Type="http://schemas.openxmlformats.org/officeDocument/2006/relationships/image" Target="../media/image41.png"/><Relationship Id="rId6" Type="http://schemas.openxmlformats.org/officeDocument/2006/relationships/image" Target="../media/image46.svg"/><Relationship Id="rId5" Type="http://schemas.openxmlformats.org/officeDocument/2006/relationships/image" Target="../media/image45.png"/><Relationship Id="rId10" Type="http://schemas.openxmlformats.org/officeDocument/2006/relationships/image" Target="../media/image50.svg"/><Relationship Id="rId4" Type="http://schemas.openxmlformats.org/officeDocument/2006/relationships/image" Target="../media/image44.svg"/><Relationship Id="rId9" Type="http://schemas.openxmlformats.org/officeDocument/2006/relationships/image" Target="../media/image49.pn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3_3">
  <dgm:title val=""/>
  <dgm:desc val=""/>
  <dgm:catLst>
    <dgm:cat type="accent3" pri="11300"/>
  </dgm:catLst>
  <dgm:styleLbl name="node0">
    <dgm:fillClrLst meth="repeat">
      <a:schemeClr val="accent3">
        <a:shade val="80000"/>
      </a:schemeClr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3">
        <a:shade val="80000"/>
      </a:schemeClr>
      <a:schemeClr val="accent3">
        <a:tint val="70000"/>
      </a:schemeClr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3">
        <a:shade val="80000"/>
      </a:schemeClr>
      <a:schemeClr val="accent3">
        <a:tint val="70000"/>
      </a:schemeClr>
    </dgm:fillClrLst>
    <dgm:linClrLst>
      <a:schemeClr val="accent3">
        <a:shade val="80000"/>
      </a:schemeClr>
      <a:schemeClr val="accent3">
        <a:tint val="70000"/>
      </a:schemeClr>
    </dgm:linClrLst>
    <dgm:effectClrLst/>
    <dgm:txLinClrLst/>
    <dgm:txFillClrLst/>
    <dgm:txEffectClrLst/>
  </dgm:styleLbl>
  <dgm:styleLbl name="lnNode1">
    <dgm:fillClrLst>
      <a:schemeClr val="accent3">
        <a:shade val="80000"/>
      </a:schemeClr>
      <a:schemeClr val="accent3">
        <a:tint val="70000"/>
      </a:schemeClr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3">
        <a:shade val="80000"/>
        <a:alpha val="50000"/>
      </a:schemeClr>
      <a:schemeClr val="accent3">
        <a:tint val="70000"/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3">
        <a:tint val="99000"/>
      </a:schemeClr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>
        <a:tint val="80000"/>
      </a:schemeClr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3">
        <a:tint val="70000"/>
      </a:schemeClr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3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3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3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3">
        <a:shade val="90000"/>
      </a:schemeClr>
      <a:schemeClr val="accent3">
        <a:tint val="70000"/>
      </a:schemeClr>
    </dgm:fillClrLst>
    <dgm:linClrLst>
      <a:schemeClr val="accent3">
        <a:shade val="90000"/>
      </a:schemeClr>
      <a:schemeClr val="accent3">
        <a:tint val="70000"/>
      </a:schemeClr>
    </dgm:linClrLst>
    <dgm:effectClrLst/>
    <dgm:txLinClrLst/>
    <dgm:txFillClrLst/>
    <dgm:txEffectClrLst/>
  </dgm:styleLbl>
  <dgm:styleLbl name="fgSibTrans2D1">
    <dgm:fillClrLst>
      <a:schemeClr val="accent3">
        <a:shade val="90000"/>
      </a:schemeClr>
      <a:schemeClr val="accent3">
        <a:tint val="70000"/>
      </a:schemeClr>
    </dgm:fillClrLst>
    <dgm:linClrLst>
      <a:schemeClr val="accent3">
        <a:shade val="90000"/>
      </a:schemeClr>
      <a:schemeClr val="accent3">
        <a:tint val="70000"/>
      </a:schemeClr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3">
        <a:shade val="90000"/>
      </a:schemeClr>
      <a:schemeClr val="accent3">
        <a:tint val="70000"/>
      </a:schemeClr>
    </dgm:fillClrLst>
    <dgm:linClrLst>
      <a:schemeClr val="accent3">
        <a:shade val="90000"/>
      </a:schemeClr>
      <a:schemeClr val="accent3">
        <a:tint val="70000"/>
      </a:schemeClr>
    </dgm:linClrLst>
    <dgm:effectClrLst/>
    <dgm:txLinClrLst/>
    <dgm:txFillClrLst meth="repeat">
      <a:schemeClr val="lt1"/>
    </dgm:txFillClrLst>
    <dgm:txEffectClrLst/>
  </dgm:styleLbl>
  <dgm:styleLbl name="sibTrans1D1">
    <dgm:fillClrLst>
      <a:schemeClr val="accent3">
        <a:shade val="90000"/>
      </a:schemeClr>
      <a:schemeClr val="accent3">
        <a:tint val="70000"/>
      </a:schemeClr>
    </dgm:fillClrLst>
    <dgm:linClrLst>
      <a:schemeClr val="accent3">
        <a:shade val="90000"/>
      </a:schemeClr>
      <a:schemeClr val="accent3">
        <a:tint val="70000"/>
      </a:schemeClr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>
        <a:shade val="80000"/>
      </a:schemeClr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3">
        <a:shade val="80000"/>
      </a:schemeClr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>
        <a:tint val="99000"/>
      </a:schemeClr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3">
        <a:tint val="80000"/>
      </a:schemeClr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>
        <a:tint val="70000"/>
      </a:schemeClr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>
        <a:tint val="90000"/>
      </a:schemeClr>
    </dgm:fillClrLst>
    <dgm:linClrLst meth="repeat">
      <a:schemeClr val="accent3">
        <a:tint val="90000"/>
      </a:schemeClr>
    </dgm:linClrLst>
    <dgm:effectClrLst/>
    <dgm:txLinClrLst/>
    <dgm:txFillClrLst/>
    <dgm:txEffectClrLst/>
  </dgm:styleLbl>
  <dgm:styleLbl name="parChTrans2D3">
    <dgm:fillClrLst meth="repeat">
      <a:schemeClr val="accent3">
        <a:tint val="70000"/>
      </a:schemeClr>
    </dgm:fillClrLst>
    <dgm:linClrLst meth="repeat">
      <a:schemeClr val="accent3">
        <a:tint val="70000"/>
      </a:schemeClr>
    </dgm:linClrLst>
    <dgm:effectClrLst/>
    <dgm:txLinClrLst/>
    <dgm:txFillClrLst/>
    <dgm:txEffectClrLst/>
  </dgm:styleLbl>
  <dgm:styleLbl name="parChTrans2D4">
    <dgm:fillClrLst meth="repeat">
      <a:schemeClr val="accent3">
        <a:tint val="50000"/>
      </a:schemeClr>
    </dgm:fillClrLst>
    <dgm:linClrLst meth="repeat">
      <a:schemeClr val="accent3">
        <a:tint val="50000"/>
      </a:schemeClr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>
        <a:shade val="80000"/>
      </a:schemeClr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9000"/>
      </a:schemeClr>
    </dgm:fillClrLst>
    <dgm:linClrLst meth="repeat">
      <a:schemeClr val="accent3">
        <a:tint val="99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>
        <a:tint val="80000"/>
      </a:schemeClr>
    </dgm:fillClrLst>
    <dgm:linClrLst meth="repeat">
      <a:schemeClr val="accent3">
        <a:tint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>
        <a:tint val="70000"/>
      </a:schemeClr>
    </dgm:fillClrLst>
    <dgm:linClrLst meth="repeat">
      <a:schemeClr val="accent3">
        <a:tint val="7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3">
        <a:shade val="80000"/>
      </a:schemeClr>
      <a:schemeClr val="accent3">
        <a:tint val="70000"/>
      </a:schemeClr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3">
        <a:shade val="80000"/>
      </a:schemeClr>
      <a:schemeClr val="accent3">
        <a:tint val="70000"/>
      </a:schemeClr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3">
        <a:shade val="80000"/>
      </a:schemeClr>
      <a:schemeClr val="accent3">
        <a:tint val="70000"/>
      </a:schemeClr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3">
        <a:shade val="80000"/>
      </a:schemeClr>
      <a:schemeClr val="accent3">
        <a:tint val="70000"/>
      </a:schemeClr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3">
        <a:shade val="80000"/>
      </a:schemeClr>
      <a:schemeClr val="accent3">
        <a:tint val="70000"/>
      </a:schemeClr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3">
        <a:alpha val="90000"/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3">
        <a:tint val="99000"/>
      </a:schemeClr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3">
        <a:tint val="80000"/>
      </a:schemeClr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3">
        <a:tint val="70000"/>
      </a:schemeClr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30D4D4B7-E08F-45B4-B70E-C021F0E6426C}" type="doc">
      <dgm:prSet loTypeId="urn:microsoft.com/office/officeart/2005/8/layout/default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C6447AD-BF46-4029-961D-E4F6C4D27B25}">
      <dgm:prSet phldrT="[Tekst]"/>
      <dgm:spPr/>
      <dgm:t>
        <a:bodyPr/>
        <a:lstStyle/>
        <a:p>
          <a:r>
            <a:rPr lang="da-DK" b="1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Lighed i sundhed  / sammenlignelige sundhedsydelser</a:t>
          </a:r>
          <a:endParaRPr lang="da-DK" dirty="0"/>
        </a:p>
      </dgm:t>
    </dgm:pt>
    <dgm:pt modelId="{2C6B445A-20F1-41A3-A251-3314EFC13A8B}" type="parTrans" cxnId="{D80F4030-C187-433D-AEFB-B205D4D87BBB}">
      <dgm:prSet/>
      <dgm:spPr/>
      <dgm:t>
        <a:bodyPr/>
        <a:lstStyle/>
        <a:p>
          <a:endParaRPr lang="da-DK"/>
        </a:p>
      </dgm:t>
    </dgm:pt>
    <dgm:pt modelId="{266F55CA-C726-4674-88F2-6831E9A47160}" type="sibTrans" cxnId="{D80F4030-C187-433D-AEFB-B205D4D87BBB}">
      <dgm:prSet/>
      <dgm:spPr/>
      <dgm:t>
        <a:bodyPr/>
        <a:lstStyle/>
        <a:p>
          <a:endParaRPr lang="da-DK"/>
        </a:p>
      </dgm:t>
    </dgm:pt>
    <dgm:pt modelId="{F731E645-806C-4B05-9D6E-C8C568F7DBCC}">
      <dgm:prSet phldrT="[Tekst]"/>
      <dgm:spPr>
        <a:solidFill>
          <a:schemeClr val="bg2"/>
        </a:solidFill>
      </dgm:spPr>
      <dgm:t>
        <a:bodyPr/>
        <a:lstStyle/>
        <a:p>
          <a:r>
            <a:rPr lang="da-DK" b="1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Sammenhæng i borgernes forløb</a:t>
          </a:r>
          <a:endParaRPr lang="da-DK" dirty="0"/>
        </a:p>
      </dgm:t>
    </dgm:pt>
    <dgm:pt modelId="{665E8DB6-4410-469E-9D19-8F481E100576}" type="parTrans" cxnId="{F67D283B-F4C9-44E3-AE31-5625965B1C2B}">
      <dgm:prSet/>
      <dgm:spPr/>
      <dgm:t>
        <a:bodyPr/>
        <a:lstStyle/>
        <a:p>
          <a:endParaRPr lang="da-DK"/>
        </a:p>
      </dgm:t>
    </dgm:pt>
    <dgm:pt modelId="{6797FEB6-6744-463E-8246-27946401A4E6}" type="sibTrans" cxnId="{F67D283B-F4C9-44E3-AE31-5625965B1C2B}">
      <dgm:prSet/>
      <dgm:spPr/>
      <dgm:t>
        <a:bodyPr/>
        <a:lstStyle/>
        <a:p>
          <a:endParaRPr lang="da-DK"/>
        </a:p>
      </dgm:t>
    </dgm:pt>
    <dgm:pt modelId="{4DAC1E63-AF14-46A6-B2D1-D5039A7378C5}">
      <dgm:prSet phldrT="[Tekst]"/>
      <dgm:spPr/>
      <dgm:t>
        <a:bodyPr/>
        <a:lstStyle/>
        <a:p>
          <a:r>
            <a:rPr lang="da-DK" b="1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Nærhed</a:t>
          </a:r>
          <a:endParaRPr lang="da-DK" dirty="0"/>
        </a:p>
      </dgm:t>
    </dgm:pt>
    <dgm:pt modelId="{E74F489B-16D2-472C-9BF4-4161485F8ED2}" type="parTrans" cxnId="{D09008B5-420A-467D-B6B2-5FEF401F603F}">
      <dgm:prSet/>
      <dgm:spPr/>
      <dgm:t>
        <a:bodyPr/>
        <a:lstStyle/>
        <a:p>
          <a:endParaRPr lang="da-DK"/>
        </a:p>
      </dgm:t>
    </dgm:pt>
    <dgm:pt modelId="{DA2DB469-7564-4B1C-977F-4102F15A504F}" type="sibTrans" cxnId="{D09008B5-420A-467D-B6B2-5FEF401F603F}">
      <dgm:prSet/>
      <dgm:spPr/>
      <dgm:t>
        <a:bodyPr/>
        <a:lstStyle/>
        <a:p>
          <a:endParaRPr lang="da-DK"/>
        </a:p>
      </dgm:t>
    </dgm:pt>
    <dgm:pt modelId="{6EBF5E6C-74F9-4A34-BBF7-526FD316BC55}">
      <dgm:prSet phldrT="[Tekst]"/>
      <dgm:spPr>
        <a:solidFill>
          <a:schemeClr val="bg2"/>
        </a:solidFill>
      </dgm:spPr>
      <dgm:t>
        <a:bodyPr/>
        <a:lstStyle/>
        <a:p>
          <a:r>
            <a:rPr lang="da-DK" b="1" dirty="0">
              <a:solidFill>
                <a:srgbClr val="414042"/>
              </a:solidFill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Samme f</a:t>
          </a:r>
          <a:r>
            <a:rPr lang="da-DK" b="1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aglig kvalitet uanset geografi</a:t>
          </a:r>
          <a:endParaRPr lang="da-DK" dirty="0"/>
        </a:p>
      </dgm:t>
    </dgm:pt>
    <dgm:pt modelId="{4A8276AA-A902-4491-98FE-91850775A0F8}" type="parTrans" cxnId="{14B0C6EE-BD34-4C13-B5EA-BE6F1CCB09A9}">
      <dgm:prSet/>
      <dgm:spPr/>
      <dgm:t>
        <a:bodyPr/>
        <a:lstStyle/>
        <a:p>
          <a:endParaRPr lang="da-DK"/>
        </a:p>
      </dgm:t>
    </dgm:pt>
    <dgm:pt modelId="{E963F7F8-3EA0-48F5-9C51-A3FB021137AA}" type="sibTrans" cxnId="{14B0C6EE-BD34-4C13-B5EA-BE6F1CCB09A9}">
      <dgm:prSet/>
      <dgm:spPr/>
      <dgm:t>
        <a:bodyPr/>
        <a:lstStyle/>
        <a:p>
          <a:endParaRPr lang="da-DK"/>
        </a:p>
      </dgm:t>
    </dgm:pt>
    <dgm:pt modelId="{BC9437E7-6307-47A2-899B-45A98B3EDDCD}">
      <dgm:prSet/>
      <dgm:spPr/>
      <dgm:t>
        <a:bodyPr/>
        <a:lstStyle/>
        <a:p>
          <a:r>
            <a:rPr lang="da-DK" b="1" dirty="0">
              <a:solidFill>
                <a:srgbClr val="414042"/>
              </a:solidFill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Fagligt og økonomisk b</a:t>
          </a:r>
          <a:r>
            <a:rPr lang="da-DK" b="1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æredygtige og robuste tilbud</a:t>
          </a:r>
          <a:endParaRPr lang="da-DK" dirty="0"/>
        </a:p>
      </dgm:t>
    </dgm:pt>
    <dgm:pt modelId="{34731984-227C-49DB-AA98-2AACBD0ADAA2}" type="parTrans" cxnId="{64546856-624D-4E8A-9FFA-C800B8C883AE}">
      <dgm:prSet/>
      <dgm:spPr/>
      <dgm:t>
        <a:bodyPr/>
        <a:lstStyle/>
        <a:p>
          <a:endParaRPr lang="da-DK"/>
        </a:p>
      </dgm:t>
    </dgm:pt>
    <dgm:pt modelId="{29C2AEB3-1026-407A-98E3-7B8444B015CD}" type="sibTrans" cxnId="{64546856-624D-4E8A-9FFA-C800B8C883AE}">
      <dgm:prSet/>
      <dgm:spPr/>
      <dgm:t>
        <a:bodyPr/>
        <a:lstStyle/>
        <a:p>
          <a:endParaRPr lang="da-DK"/>
        </a:p>
      </dgm:t>
    </dgm:pt>
    <dgm:pt modelId="{EFB634AF-1A91-46CC-A1A5-0478D54DCF90}">
      <dgm:prSet/>
      <dgm:spPr>
        <a:solidFill>
          <a:schemeClr val="bg2"/>
        </a:solidFill>
      </dgm:spPr>
      <dgm:t>
        <a:bodyPr/>
        <a:lstStyle/>
        <a:p>
          <a:r>
            <a:rPr lang="da-DK" b="1" dirty="0">
              <a:solidFill>
                <a:srgbClr val="414042"/>
              </a:solidFill>
              <a:latin typeface="Mari Office Book"/>
              <a:cs typeface="Times New Roman" panose="02020603050405020304" pitchFamily="18" charset="0"/>
            </a:rPr>
            <a:t>Helhedssyn på den samlede opgaveløsning på tværs af sektorgrænser</a:t>
          </a:r>
        </a:p>
      </dgm:t>
    </dgm:pt>
    <dgm:pt modelId="{AEA6BEC6-F878-4EC0-82E9-DF7C3950A924}" type="parTrans" cxnId="{433CF859-E197-413B-BA5E-940090ECA02B}">
      <dgm:prSet/>
      <dgm:spPr/>
      <dgm:t>
        <a:bodyPr/>
        <a:lstStyle/>
        <a:p>
          <a:endParaRPr lang="da-DK"/>
        </a:p>
      </dgm:t>
    </dgm:pt>
    <dgm:pt modelId="{C6AC0AE5-5CEA-429B-9D5E-57FEE98C50D4}" type="sibTrans" cxnId="{433CF859-E197-413B-BA5E-940090ECA02B}">
      <dgm:prSet/>
      <dgm:spPr/>
      <dgm:t>
        <a:bodyPr/>
        <a:lstStyle/>
        <a:p>
          <a:endParaRPr lang="da-DK"/>
        </a:p>
      </dgm:t>
    </dgm:pt>
    <dgm:pt modelId="{B5634C66-D2C2-40A4-953D-BD83DCEE0EEC}" type="pres">
      <dgm:prSet presAssocID="{30D4D4B7-E08F-45B4-B70E-C021F0E6426C}" presName="diagram" presStyleCnt="0">
        <dgm:presLayoutVars>
          <dgm:dir/>
          <dgm:resizeHandles val="exact"/>
        </dgm:presLayoutVars>
      </dgm:prSet>
      <dgm:spPr/>
    </dgm:pt>
    <dgm:pt modelId="{EE53E742-5D7F-4170-9E5A-996475C1AD52}" type="pres">
      <dgm:prSet presAssocID="{6C6447AD-BF46-4029-961D-E4F6C4D27B25}" presName="node" presStyleLbl="node1" presStyleIdx="0" presStyleCnt="6">
        <dgm:presLayoutVars>
          <dgm:bulletEnabled val="1"/>
        </dgm:presLayoutVars>
      </dgm:prSet>
      <dgm:spPr/>
    </dgm:pt>
    <dgm:pt modelId="{0833378F-754E-42AE-AF49-6B0741F8D0D1}" type="pres">
      <dgm:prSet presAssocID="{266F55CA-C726-4674-88F2-6831E9A47160}" presName="sibTrans" presStyleCnt="0"/>
      <dgm:spPr/>
    </dgm:pt>
    <dgm:pt modelId="{0DDEE28D-A7E9-4612-80AB-07ADCCBB5CFD}" type="pres">
      <dgm:prSet presAssocID="{F731E645-806C-4B05-9D6E-C8C568F7DBCC}" presName="node" presStyleLbl="node1" presStyleIdx="1" presStyleCnt="6">
        <dgm:presLayoutVars>
          <dgm:bulletEnabled val="1"/>
        </dgm:presLayoutVars>
      </dgm:prSet>
      <dgm:spPr/>
    </dgm:pt>
    <dgm:pt modelId="{77405EEE-FC5C-436A-894D-F851ED8BCCE2}" type="pres">
      <dgm:prSet presAssocID="{6797FEB6-6744-463E-8246-27946401A4E6}" presName="sibTrans" presStyleCnt="0"/>
      <dgm:spPr/>
    </dgm:pt>
    <dgm:pt modelId="{7E180A5D-86F9-4E7A-8522-F33B5EFDCE97}" type="pres">
      <dgm:prSet presAssocID="{4DAC1E63-AF14-46A6-B2D1-D5039A7378C5}" presName="node" presStyleLbl="node1" presStyleIdx="2" presStyleCnt="6">
        <dgm:presLayoutVars>
          <dgm:bulletEnabled val="1"/>
        </dgm:presLayoutVars>
      </dgm:prSet>
      <dgm:spPr/>
    </dgm:pt>
    <dgm:pt modelId="{B432A948-CD75-4D6D-9409-16BF71058E4A}" type="pres">
      <dgm:prSet presAssocID="{DA2DB469-7564-4B1C-977F-4102F15A504F}" presName="sibTrans" presStyleCnt="0"/>
      <dgm:spPr/>
    </dgm:pt>
    <dgm:pt modelId="{906C2E3C-1192-4790-A116-961A241D386B}" type="pres">
      <dgm:prSet presAssocID="{6EBF5E6C-74F9-4A34-BBF7-526FD316BC55}" presName="node" presStyleLbl="node1" presStyleIdx="3" presStyleCnt="6">
        <dgm:presLayoutVars>
          <dgm:bulletEnabled val="1"/>
        </dgm:presLayoutVars>
      </dgm:prSet>
      <dgm:spPr/>
    </dgm:pt>
    <dgm:pt modelId="{0629DAAB-0D9C-41F8-8743-628E5B8FEDD3}" type="pres">
      <dgm:prSet presAssocID="{E963F7F8-3EA0-48F5-9C51-A3FB021137AA}" presName="sibTrans" presStyleCnt="0"/>
      <dgm:spPr/>
    </dgm:pt>
    <dgm:pt modelId="{2F7B5B30-3E4F-453E-92C7-5ADF66B13248}" type="pres">
      <dgm:prSet presAssocID="{BC9437E7-6307-47A2-899B-45A98B3EDDCD}" presName="node" presStyleLbl="node1" presStyleIdx="4" presStyleCnt="6">
        <dgm:presLayoutVars>
          <dgm:bulletEnabled val="1"/>
        </dgm:presLayoutVars>
      </dgm:prSet>
      <dgm:spPr/>
    </dgm:pt>
    <dgm:pt modelId="{39694042-3A00-484C-8D66-BC0C5AE2A124}" type="pres">
      <dgm:prSet presAssocID="{29C2AEB3-1026-407A-98E3-7B8444B015CD}" presName="sibTrans" presStyleCnt="0"/>
      <dgm:spPr/>
    </dgm:pt>
    <dgm:pt modelId="{65717EBF-EE1C-4BA3-96A1-B30A24F634FF}" type="pres">
      <dgm:prSet presAssocID="{EFB634AF-1A91-46CC-A1A5-0478D54DCF90}" presName="node" presStyleLbl="node1" presStyleIdx="5" presStyleCnt="6">
        <dgm:presLayoutVars>
          <dgm:bulletEnabled val="1"/>
        </dgm:presLayoutVars>
      </dgm:prSet>
      <dgm:spPr/>
    </dgm:pt>
  </dgm:ptLst>
  <dgm:cxnLst>
    <dgm:cxn modelId="{0F7ECD12-827F-4173-ABAB-C94B954DD0A0}" type="presOf" srcId="{6EBF5E6C-74F9-4A34-BBF7-526FD316BC55}" destId="{906C2E3C-1192-4790-A116-961A241D386B}" srcOrd="0" destOrd="0" presId="urn:microsoft.com/office/officeart/2005/8/layout/default"/>
    <dgm:cxn modelId="{F2986625-B6CE-446B-BAD2-A20F4FDA0E8D}" type="presOf" srcId="{4DAC1E63-AF14-46A6-B2D1-D5039A7378C5}" destId="{7E180A5D-86F9-4E7A-8522-F33B5EFDCE97}" srcOrd="0" destOrd="0" presId="urn:microsoft.com/office/officeart/2005/8/layout/default"/>
    <dgm:cxn modelId="{D80F4030-C187-433D-AEFB-B205D4D87BBB}" srcId="{30D4D4B7-E08F-45B4-B70E-C021F0E6426C}" destId="{6C6447AD-BF46-4029-961D-E4F6C4D27B25}" srcOrd="0" destOrd="0" parTransId="{2C6B445A-20F1-41A3-A251-3314EFC13A8B}" sibTransId="{266F55CA-C726-4674-88F2-6831E9A47160}"/>
    <dgm:cxn modelId="{F67D283B-F4C9-44E3-AE31-5625965B1C2B}" srcId="{30D4D4B7-E08F-45B4-B70E-C021F0E6426C}" destId="{F731E645-806C-4B05-9D6E-C8C568F7DBCC}" srcOrd="1" destOrd="0" parTransId="{665E8DB6-4410-469E-9D19-8F481E100576}" sibTransId="{6797FEB6-6744-463E-8246-27946401A4E6}"/>
    <dgm:cxn modelId="{E630493E-21BC-4119-B540-AEAF7A9C47A9}" type="presOf" srcId="{6C6447AD-BF46-4029-961D-E4F6C4D27B25}" destId="{EE53E742-5D7F-4170-9E5A-996475C1AD52}" srcOrd="0" destOrd="0" presId="urn:microsoft.com/office/officeart/2005/8/layout/default"/>
    <dgm:cxn modelId="{64546856-624D-4E8A-9FFA-C800B8C883AE}" srcId="{30D4D4B7-E08F-45B4-B70E-C021F0E6426C}" destId="{BC9437E7-6307-47A2-899B-45A98B3EDDCD}" srcOrd="4" destOrd="0" parTransId="{34731984-227C-49DB-AA98-2AACBD0ADAA2}" sibTransId="{29C2AEB3-1026-407A-98E3-7B8444B015CD}"/>
    <dgm:cxn modelId="{433CF859-E197-413B-BA5E-940090ECA02B}" srcId="{30D4D4B7-E08F-45B4-B70E-C021F0E6426C}" destId="{EFB634AF-1A91-46CC-A1A5-0478D54DCF90}" srcOrd="5" destOrd="0" parTransId="{AEA6BEC6-F878-4EC0-82E9-DF7C3950A924}" sibTransId="{C6AC0AE5-5CEA-429B-9D5E-57FEE98C50D4}"/>
    <dgm:cxn modelId="{EDA79C8E-C002-4AF2-B047-22DFC8D133D6}" type="presOf" srcId="{F731E645-806C-4B05-9D6E-C8C568F7DBCC}" destId="{0DDEE28D-A7E9-4612-80AB-07ADCCBB5CFD}" srcOrd="0" destOrd="0" presId="urn:microsoft.com/office/officeart/2005/8/layout/default"/>
    <dgm:cxn modelId="{D736AE98-8060-497E-B8D5-F0B4B18B435D}" type="presOf" srcId="{BC9437E7-6307-47A2-899B-45A98B3EDDCD}" destId="{2F7B5B30-3E4F-453E-92C7-5ADF66B13248}" srcOrd="0" destOrd="0" presId="urn:microsoft.com/office/officeart/2005/8/layout/default"/>
    <dgm:cxn modelId="{D09008B5-420A-467D-B6B2-5FEF401F603F}" srcId="{30D4D4B7-E08F-45B4-B70E-C021F0E6426C}" destId="{4DAC1E63-AF14-46A6-B2D1-D5039A7378C5}" srcOrd="2" destOrd="0" parTransId="{E74F489B-16D2-472C-9BF4-4161485F8ED2}" sibTransId="{DA2DB469-7564-4B1C-977F-4102F15A504F}"/>
    <dgm:cxn modelId="{FD0DF5B6-0DC7-4705-A146-B9250E889D51}" type="presOf" srcId="{30D4D4B7-E08F-45B4-B70E-C021F0E6426C}" destId="{B5634C66-D2C2-40A4-953D-BD83DCEE0EEC}" srcOrd="0" destOrd="0" presId="urn:microsoft.com/office/officeart/2005/8/layout/default"/>
    <dgm:cxn modelId="{14B0C6EE-BD34-4C13-B5EA-BE6F1CCB09A9}" srcId="{30D4D4B7-E08F-45B4-B70E-C021F0E6426C}" destId="{6EBF5E6C-74F9-4A34-BBF7-526FD316BC55}" srcOrd="3" destOrd="0" parTransId="{4A8276AA-A902-4491-98FE-91850775A0F8}" sibTransId="{E963F7F8-3EA0-48F5-9C51-A3FB021137AA}"/>
    <dgm:cxn modelId="{7BE4A5F9-344A-430F-8167-2F15F6C0E505}" type="presOf" srcId="{EFB634AF-1A91-46CC-A1A5-0478D54DCF90}" destId="{65717EBF-EE1C-4BA3-96A1-B30A24F634FF}" srcOrd="0" destOrd="0" presId="urn:microsoft.com/office/officeart/2005/8/layout/default"/>
    <dgm:cxn modelId="{79A231A4-96E8-4263-AEA6-CE67DEC57DB5}" type="presParOf" srcId="{B5634C66-D2C2-40A4-953D-BD83DCEE0EEC}" destId="{EE53E742-5D7F-4170-9E5A-996475C1AD52}" srcOrd="0" destOrd="0" presId="urn:microsoft.com/office/officeart/2005/8/layout/default"/>
    <dgm:cxn modelId="{AD71ABF8-7AF2-4F37-868A-F2983905559F}" type="presParOf" srcId="{B5634C66-D2C2-40A4-953D-BD83DCEE0EEC}" destId="{0833378F-754E-42AE-AF49-6B0741F8D0D1}" srcOrd="1" destOrd="0" presId="urn:microsoft.com/office/officeart/2005/8/layout/default"/>
    <dgm:cxn modelId="{CDD27E22-9757-4269-B430-6FB3281DA9C1}" type="presParOf" srcId="{B5634C66-D2C2-40A4-953D-BD83DCEE0EEC}" destId="{0DDEE28D-A7E9-4612-80AB-07ADCCBB5CFD}" srcOrd="2" destOrd="0" presId="urn:microsoft.com/office/officeart/2005/8/layout/default"/>
    <dgm:cxn modelId="{28293E8E-6442-4E6D-97C0-1075D9BFAD18}" type="presParOf" srcId="{B5634C66-D2C2-40A4-953D-BD83DCEE0EEC}" destId="{77405EEE-FC5C-436A-894D-F851ED8BCCE2}" srcOrd="3" destOrd="0" presId="urn:microsoft.com/office/officeart/2005/8/layout/default"/>
    <dgm:cxn modelId="{EC29D1AF-C2A0-498C-8ECD-0B7875119972}" type="presParOf" srcId="{B5634C66-D2C2-40A4-953D-BD83DCEE0EEC}" destId="{7E180A5D-86F9-4E7A-8522-F33B5EFDCE97}" srcOrd="4" destOrd="0" presId="urn:microsoft.com/office/officeart/2005/8/layout/default"/>
    <dgm:cxn modelId="{C596E32C-C157-4A4B-A2C3-6ECAE2A439F3}" type="presParOf" srcId="{B5634C66-D2C2-40A4-953D-BD83DCEE0EEC}" destId="{B432A948-CD75-4D6D-9409-16BF71058E4A}" srcOrd="5" destOrd="0" presId="urn:microsoft.com/office/officeart/2005/8/layout/default"/>
    <dgm:cxn modelId="{15D1196B-CC9C-414A-BB81-50313C1F585C}" type="presParOf" srcId="{B5634C66-D2C2-40A4-953D-BD83DCEE0EEC}" destId="{906C2E3C-1192-4790-A116-961A241D386B}" srcOrd="6" destOrd="0" presId="urn:microsoft.com/office/officeart/2005/8/layout/default"/>
    <dgm:cxn modelId="{E8F83315-9D93-49CB-9FD5-862F5717EBAB}" type="presParOf" srcId="{B5634C66-D2C2-40A4-953D-BD83DCEE0EEC}" destId="{0629DAAB-0D9C-41F8-8743-628E5B8FEDD3}" srcOrd="7" destOrd="0" presId="urn:microsoft.com/office/officeart/2005/8/layout/default"/>
    <dgm:cxn modelId="{C532C48A-FEBD-4A11-B655-9934A6F92068}" type="presParOf" srcId="{B5634C66-D2C2-40A4-953D-BD83DCEE0EEC}" destId="{2F7B5B30-3E4F-453E-92C7-5ADF66B13248}" srcOrd="8" destOrd="0" presId="urn:microsoft.com/office/officeart/2005/8/layout/default"/>
    <dgm:cxn modelId="{8B344E2D-2943-4C6F-AB87-8F3F86C27858}" type="presParOf" srcId="{B5634C66-D2C2-40A4-953D-BD83DCEE0EEC}" destId="{39694042-3A00-484C-8D66-BC0C5AE2A124}" srcOrd="9" destOrd="0" presId="urn:microsoft.com/office/officeart/2005/8/layout/default"/>
    <dgm:cxn modelId="{D5B367B5-4E5D-45A3-ABAC-298BA0CE7A19}" type="presParOf" srcId="{B5634C66-D2C2-40A4-953D-BD83DCEE0EEC}" destId="{65717EBF-EE1C-4BA3-96A1-B30A24F634FF}" srcOrd="10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8A0DA366-F7E8-416A-861B-AFFFF6CFF6BD}" type="doc">
      <dgm:prSet loTypeId="urn:microsoft.com/office/officeart/2018/2/layout/IconVerticalSolid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BA8BDD07-AC50-47D4-8CE0-BCC27AD738DA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b="1" baseline="0" dirty="0"/>
            <a:t>Digital leverancemodel</a:t>
          </a:r>
          <a:r>
            <a:rPr lang="da-DK" baseline="0" dirty="0"/>
            <a:t> – evnen til at tænke sundhedsydelser som digitalt og dataunderstøttet service, leveret proaktivt ud mod borgeren.</a:t>
          </a:r>
          <a:endParaRPr lang="en-US" dirty="0"/>
        </a:p>
      </dgm:t>
    </dgm:pt>
    <dgm:pt modelId="{5EB0C0C8-578D-4138-9748-114803178E3E}" type="parTrans" cxnId="{E894F087-39ED-4543-B005-72467D2DD3C5}">
      <dgm:prSet/>
      <dgm:spPr/>
      <dgm:t>
        <a:bodyPr/>
        <a:lstStyle/>
        <a:p>
          <a:endParaRPr lang="en-US"/>
        </a:p>
      </dgm:t>
    </dgm:pt>
    <dgm:pt modelId="{53900024-96C6-4107-B748-DC707A857C41}" type="sibTrans" cxnId="{E894F087-39ED-4543-B005-72467D2DD3C5}">
      <dgm:prSet/>
      <dgm:spPr/>
      <dgm:t>
        <a:bodyPr/>
        <a:lstStyle/>
        <a:p>
          <a:endParaRPr lang="en-US"/>
        </a:p>
      </dgm:t>
    </dgm:pt>
    <dgm:pt modelId="{B3E80141-9FBB-463E-8D96-B5FDECFC2851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b="1" baseline="0" dirty="0"/>
            <a:t>Forståelse af borgerens behov</a:t>
          </a:r>
          <a:r>
            <a:rPr lang="da-DK" baseline="0" dirty="0"/>
            <a:t> – evnen til at skabe løsninger ud fra borgerens livssituation, ikke systemets logik.</a:t>
          </a:r>
          <a:endParaRPr lang="en-US" dirty="0"/>
        </a:p>
      </dgm:t>
    </dgm:pt>
    <dgm:pt modelId="{2F214863-7841-4ACF-A65E-7164F365A25A}" type="parTrans" cxnId="{6539121F-8888-42B3-B0D1-B5640F65C4D2}">
      <dgm:prSet/>
      <dgm:spPr/>
      <dgm:t>
        <a:bodyPr/>
        <a:lstStyle/>
        <a:p>
          <a:endParaRPr lang="en-US"/>
        </a:p>
      </dgm:t>
    </dgm:pt>
    <dgm:pt modelId="{0F0EA851-A054-4D93-86B2-94864CA91CAD}" type="sibTrans" cxnId="{6539121F-8888-42B3-B0D1-B5640F65C4D2}">
      <dgm:prSet/>
      <dgm:spPr/>
      <dgm:t>
        <a:bodyPr/>
        <a:lstStyle/>
        <a:p>
          <a:endParaRPr lang="en-US"/>
        </a:p>
      </dgm:t>
    </dgm:pt>
    <dgm:pt modelId="{C37C6E08-296A-4CF3-9CAB-AF55AB244042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b="1" baseline="0" dirty="0"/>
            <a:t>Samarbejde tættere</a:t>
          </a:r>
          <a:r>
            <a:rPr lang="da-DK" baseline="0" dirty="0"/>
            <a:t> – evnen til at koordinere på tværs af aktører og sektorer, hvor AHH kun ejer en del af værdikæden.</a:t>
          </a:r>
          <a:endParaRPr lang="en-US" dirty="0"/>
        </a:p>
      </dgm:t>
    </dgm:pt>
    <dgm:pt modelId="{1402CCC1-E7D6-487F-8D2F-9BF8BE5B5D00}" type="parTrans" cxnId="{229BCDEC-38AE-4956-B253-17C02A8855AE}">
      <dgm:prSet/>
      <dgm:spPr/>
      <dgm:t>
        <a:bodyPr/>
        <a:lstStyle/>
        <a:p>
          <a:endParaRPr lang="en-US"/>
        </a:p>
      </dgm:t>
    </dgm:pt>
    <dgm:pt modelId="{B92C9387-EA9A-41A8-B0D1-8648D83F530B}" type="sibTrans" cxnId="{229BCDEC-38AE-4956-B253-17C02A8855AE}">
      <dgm:prSet/>
      <dgm:spPr/>
      <dgm:t>
        <a:bodyPr/>
        <a:lstStyle/>
        <a:p>
          <a:endParaRPr lang="en-US"/>
        </a:p>
      </dgm:t>
    </dgm:pt>
    <dgm:pt modelId="{62F01551-3F71-408A-B541-35EE7EAC7741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b="1" baseline="0"/>
            <a:t>Politisk betjening og policykapacitet</a:t>
          </a:r>
          <a:r>
            <a:rPr lang="da-DK" baseline="0"/>
            <a:t> – evnen til at agere strategisk i samspillet mellem sundhedsråd, region og kommuner.</a:t>
          </a:r>
          <a:endParaRPr lang="en-US"/>
        </a:p>
      </dgm:t>
    </dgm:pt>
    <dgm:pt modelId="{CFA0FC2D-32CE-4B6B-97D3-92560FBCA1FD}" type="parTrans" cxnId="{4AE84588-B8DE-418B-90FB-A00D92697D94}">
      <dgm:prSet/>
      <dgm:spPr/>
      <dgm:t>
        <a:bodyPr/>
        <a:lstStyle/>
        <a:p>
          <a:endParaRPr lang="en-US"/>
        </a:p>
      </dgm:t>
    </dgm:pt>
    <dgm:pt modelId="{274BD07E-BF5B-4D86-A6D3-F157182EC818}" type="sibTrans" cxnId="{4AE84588-B8DE-418B-90FB-A00D92697D94}">
      <dgm:prSet/>
      <dgm:spPr/>
      <dgm:t>
        <a:bodyPr/>
        <a:lstStyle/>
        <a:p>
          <a:endParaRPr lang="en-US"/>
        </a:p>
      </dgm:t>
    </dgm:pt>
    <dgm:pt modelId="{FEF16E35-E909-463B-AC5D-EDE0A010FC99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b="1" baseline="0" dirty="0"/>
            <a:t>Transformations- og læringsevne</a:t>
          </a:r>
          <a:r>
            <a:rPr lang="da-DK" baseline="0" dirty="0"/>
            <a:t> – evnen til løbende at udvikle sig som organisation og forblive i bevægelse.</a:t>
          </a:r>
          <a:endParaRPr lang="en-US" dirty="0"/>
        </a:p>
      </dgm:t>
    </dgm:pt>
    <dgm:pt modelId="{E4313F04-572F-4164-890D-B0833C69A953}" type="parTrans" cxnId="{9CC1AB4E-B901-4990-8D68-6D441AEC79CC}">
      <dgm:prSet/>
      <dgm:spPr/>
      <dgm:t>
        <a:bodyPr/>
        <a:lstStyle/>
        <a:p>
          <a:endParaRPr lang="en-US"/>
        </a:p>
      </dgm:t>
    </dgm:pt>
    <dgm:pt modelId="{3E11140F-AB31-4403-85E0-B391C8FE1E14}" type="sibTrans" cxnId="{9CC1AB4E-B901-4990-8D68-6D441AEC79CC}">
      <dgm:prSet/>
      <dgm:spPr/>
      <dgm:t>
        <a:bodyPr/>
        <a:lstStyle/>
        <a:p>
          <a:endParaRPr lang="en-US"/>
        </a:p>
      </dgm:t>
    </dgm:pt>
    <dgm:pt modelId="{D71563EE-D1AD-4033-AE92-DE08B233BD70}" type="pres">
      <dgm:prSet presAssocID="{8A0DA366-F7E8-416A-861B-AFFFF6CFF6BD}" presName="root" presStyleCnt="0">
        <dgm:presLayoutVars>
          <dgm:dir/>
          <dgm:resizeHandles val="exact"/>
        </dgm:presLayoutVars>
      </dgm:prSet>
      <dgm:spPr/>
    </dgm:pt>
    <dgm:pt modelId="{7059B73D-A63A-4256-BDCA-CB12229EC697}" type="pres">
      <dgm:prSet presAssocID="{B3E80141-9FBB-463E-8D96-B5FDECFC2851}" presName="compNode" presStyleCnt="0"/>
      <dgm:spPr/>
    </dgm:pt>
    <dgm:pt modelId="{A9BE37D4-0AC0-4C91-BF16-32B1A5CE0DF9}" type="pres">
      <dgm:prSet presAssocID="{B3E80141-9FBB-463E-8D96-B5FDECFC2851}" presName="bgRect" presStyleLbl="bgShp" presStyleIdx="0" presStyleCnt="5"/>
      <dgm:spPr/>
    </dgm:pt>
    <dgm:pt modelId="{7DF1F2C2-1AF4-462E-8E04-84BC2A1F2B54}" type="pres">
      <dgm:prSet presAssocID="{B3E80141-9FBB-463E-8D96-B5FDECFC2851}" presName="iconRect" presStyleLbl="node1" presStyleIdx="0" presStyleCnt="5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Processor"/>
        </a:ext>
      </dgm:extLst>
    </dgm:pt>
    <dgm:pt modelId="{16FACC78-4ED2-46F3-8EB9-AF98AEFCB10E}" type="pres">
      <dgm:prSet presAssocID="{B3E80141-9FBB-463E-8D96-B5FDECFC2851}" presName="spaceRect" presStyleCnt="0"/>
      <dgm:spPr/>
    </dgm:pt>
    <dgm:pt modelId="{CCDA053D-75AF-4D43-B8B5-3688ADE0CD37}" type="pres">
      <dgm:prSet presAssocID="{B3E80141-9FBB-463E-8D96-B5FDECFC2851}" presName="parTx" presStyleLbl="revTx" presStyleIdx="0" presStyleCnt="5">
        <dgm:presLayoutVars>
          <dgm:chMax val="0"/>
          <dgm:chPref val="0"/>
        </dgm:presLayoutVars>
      </dgm:prSet>
      <dgm:spPr/>
    </dgm:pt>
    <dgm:pt modelId="{E7A01116-DCD4-42A8-9E41-0D6B06167115}" type="pres">
      <dgm:prSet presAssocID="{0F0EA851-A054-4D93-86B2-94864CA91CAD}" presName="sibTrans" presStyleCnt="0"/>
      <dgm:spPr/>
    </dgm:pt>
    <dgm:pt modelId="{915BBC58-8BC0-4BB1-96E0-4126A439042E}" type="pres">
      <dgm:prSet presAssocID="{BA8BDD07-AC50-47D4-8CE0-BCC27AD738DA}" presName="compNode" presStyleCnt="0"/>
      <dgm:spPr/>
    </dgm:pt>
    <dgm:pt modelId="{0609B153-6F79-44F8-88B9-EE15D48D0DED}" type="pres">
      <dgm:prSet presAssocID="{BA8BDD07-AC50-47D4-8CE0-BCC27AD738DA}" presName="bgRect" presStyleLbl="bgShp" presStyleIdx="1" presStyleCnt="5"/>
      <dgm:spPr/>
    </dgm:pt>
    <dgm:pt modelId="{3FF1EE92-36A5-486C-A7BB-06CCBDF610A1}" type="pres">
      <dgm:prSet presAssocID="{BA8BDD07-AC50-47D4-8CE0-BCC27AD738DA}" presName="iconRect" presStyleLbl="node1" presStyleIdx="1" presStyleCnt="5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Robot"/>
        </a:ext>
      </dgm:extLst>
    </dgm:pt>
    <dgm:pt modelId="{2D6A8294-EC41-4030-ABDB-87CC7E72754F}" type="pres">
      <dgm:prSet presAssocID="{BA8BDD07-AC50-47D4-8CE0-BCC27AD738DA}" presName="spaceRect" presStyleCnt="0"/>
      <dgm:spPr/>
    </dgm:pt>
    <dgm:pt modelId="{D476D1A9-9DFD-4481-8EB9-67501B67A276}" type="pres">
      <dgm:prSet presAssocID="{BA8BDD07-AC50-47D4-8CE0-BCC27AD738DA}" presName="parTx" presStyleLbl="revTx" presStyleIdx="1" presStyleCnt="5">
        <dgm:presLayoutVars>
          <dgm:chMax val="0"/>
          <dgm:chPref val="0"/>
        </dgm:presLayoutVars>
      </dgm:prSet>
      <dgm:spPr/>
    </dgm:pt>
    <dgm:pt modelId="{376E8CBB-19B1-4146-B416-B77CB4FD6B91}" type="pres">
      <dgm:prSet presAssocID="{53900024-96C6-4107-B748-DC707A857C41}" presName="sibTrans" presStyleCnt="0"/>
      <dgm:spPr/>
    </dgm:pt>
    <dgm:pt modelId="{EA88E2B0-EBBD-4B46-BDB9-3F595A43763D}" type="pres">
      <dgm:prSet presAssocID="{C37C6E08-296A-4CF3-9CAB-AF55AB244042}" presName="compNode" presStyleCnt="0"/>
      <dgm:spPr/>
    </dgm:pt>
    <dgm:pt modelId="{D0BE85CD-60F0-407B-8295-A1F76C2A620F}" type="pres">
      <dgm:prSet presAssocID="{C37C6E08-296A-4CF3-9CAB-AF55AB244042}" presName="bgRect" presStyleLbl="bgShp" presStyleIdx="2" presStyleCnt="5"/>
      <dgm:spPr/>
    </dgm:pt>
    <dgm:pt modelId="{9E607529-7232-437C-A9BF-5323EC744752}" type="pres">
      <dgm:prSet presAssocID="{C37C6E08-296A-4CF3-9CAB-AF55AB244042}" presName="iconRect" presStyleLbl="node1" presStyleIdx="2" presStyleCnt="5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User Network"/>
        </a:ext>
      </dgm:extLst>
    </dgm:pt>
    <dgm:pt modelId="{F3ADD962-F885-4A09-AF9F-8E497B6E5D2D}" type="pres">
      <dgm:prSet presAssocID="{C37C6E08-296A-4CF3-9CAB-AF55AB244042}" presName="spaceRect" presStyleCnt="0"/>
      <dgm:spPr/>
    </dgm:pt>
    <dgm:pt modelId="{06B91C31-B87E-42D1-8A6A-9F1EE0529258}" type="pres">
      <dgm:prSet presAssocID="{C37C6E08-296A-4CF3-9CAB-AF55AB244042}" presName="parTx" presStyleLbl="revTx" presStyleIdx="2" presStyleCnt="5">
        <dgm:presLayoutVars>
          <dgm:chMax val="0"/>
          <dgm:chPref val="0"/>
        </dgm:presLayoutVars>
      </dgm:prSet>
      <dgm:spPr/>
    </dgm:pt>
    <dgm:pt modelId="{39B9B991-795B-433C-AD2C-D8FB8A64EAAF}" type="pres">
      <dgm:prSet presAssocID="{B92C9387-EA9A-41A8-B0D1-8648D83F530B}" presName="sibTrans" presStyleCnt="0"/>
      <dgm:spPr/>
    </dgm:pt>
    <dgm:pt modelId="{E4B768A9-48CE-41EF-85BE-D9E10384B6D5}" type="pres">
      <dgm:prSet presAssocID="{62F01551-3F71-408A-B541-35EE7EAC7741}" presName="compNode" presStyleCnt="0"/>
      <dgm:spPr/>
    </dgm:pt>
    <dgm:pt modelId="{B71AF69B-BF7F-490B-BE7F-8ADC862AEA8C}" type="pres">
      <dgm:prSet presAssocID="{62F01551-3F71-408A-B541-35EE7EAC7741}" presName="bgRect" presStyleLbl="bgShp" presStyleIdx="3" presStyleCnt="5"/>
      <dgm:spPr/>
    </dgm:pt>
    <dgm:pt modelId="{4F4A3395-D165-456F-92D0-BA6F397B4866}" type="pres">
      <dgm:prSet presAssocID="{62F01551-3F71-408A-B541-35EE7EAC7741}" presName="iconRect" presStyleLbl="node1" presStyleIdx="3" presStyleCnt="5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Bank"/>
        </a:ext>
      </dgm:extLst>
    </dgm:pt>
    <dgm:pt modelId="{E0F81FDA-0FA5-4699-A942-2166607EF156}" type="pres">
      <dgm:prSet presAssocID="{62F01551-3F71-408A-B541-35EE7EAC7741}" presName="spaceRect" presStyleCnt="0"/>
      <dgm:spPr/>
    </dgm:pt>
    <dgm:pt modelId="{8FF18348-7F2B-42B0-9CF0-4429FD9C46B8}" type="pres">
      <dgm:prSet presAssocID="{62F01551-3F71-408A-B541-35EE7EAC7741}" presName="parTx" presStyleLbl="revTx" presStyleIdx="3" presStyleCnt="5">
        <dgm:presLayoutVars>
          <dgm:chMax val="0"/>
          <dgm:chPref val="0"/>
        </dgm:presLayoutVars>
      </dgm:prSet>
      <dgm:spPr/>
    </dgm:pt>
    <dgm:pt modelId="{7475584A-D5EC-43BA-9415-38CF8958BE5B}" type="pres">
      <dgm:prSet presAssocID="{274BD07E-BF5B-4D86-A6D3-F157182EC818}" presName="sibTrans" presStyleCnt="0"/>
      <dgm:spPr/>
    </dgm:pt>
    <dgm:pt modelId="{3C3EC2A0-53AC-4858-AD9B-53213D43F9A9}" type="pres">
      <dgm:prSet presAssocID="{FEF16E35-E909-463B-AC5D-EDE0A010FC99}" presName="compNode" presStyleCnt="0"/>
      <dgm:spPr/>
    </dgm:pt>
    <dgm:pt modelId="{C0A6DDF5-F6E2-4FBB-BD69-6B1578A299E7}" type="pres">
      <dgm:prSet presAssocID="{FEF16E35-E909-463B-AC5D-EDE0A010FC99}" presName="bgRect" presStyleLbl="bgShp" presStyleIdx="4" presStyleCnt="5"/>
      <dgm:spPr/>
    </dgm:pt>
    <dgm:pt modelId="{25CE2AFA-6EE8-4195-8A21-7BD24022CA65}" type="pres">
      <dgm:prSet presAssocID="{FEF16E35-E909-463B-AC5D-EDE0A010FC99}" presName="iconRect" presStyleLbl="node1" presStyleIdx="4" presStyleCnt="5"/>
      <dgm:spPr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Rutediagram"/>
        </a:ext>
      </dgm:extLst>
    </dgm:pt>
    <dgm:pt modelId="{BA7F7FBA-C7E2-4CB1-B361-5DBD848B7959}" type="pres">
      <dgm:prSet presAssocID="{FEF16E35-E909-463B-AC5D-EDE0A010FC99}" presName="spaceRect" presStyleCnt="0"/>
      <dgm:spPr/>
    </dgm:pt>
    <dgm:pt modelId="{7DB474F5-6158-4943-BA53-61C4D3F6CA24}" type="pres">
      <dgm:prSet presAssocID="{FEF16E35-E909-463B-AC5D-EDE0A010FC99}" presName="parTx" presStyleLbl="revTx" presStyleIdx="4" presStyleCnt="5">
        <dgm:presLayoutVars>
          <dgm:chMax val="0"/>
          <dgm:chPref val="0"/>
        </dgm:presLayoutVars>
      </dgm:prSet>
      <dgm:spPr/>
    </dgm:pt>
  </dgm:ptLst>
  <dgm:cxnLst>
    <dgm:cxn modelId="{6539121F-8888-42B3-B0D1-B5640F65C4D2}" srcId="{8A0DA366-F7E8-416A-861B-AFFFF6CFF6BD}" destId="{B3E80141-9FBB-463E-8D96-B5FDECFC2851}" srcOrd="0" destOrd="0" parTransId="{2F214863-7841-4ACF-A65E-7164F365A25A}" sibTransId="{0F0EA851-A054-4D93-86B2-94864CA91CAD}"/>
    <dgm:cxn modelId="{5B0B3463-61E2-4BCE-8484-EFA7C2CB321D}" type="presOf" srcId="{62F01551-3F71-408A-B541-35EE7EAC7741}" destId="{8FF18348-7F2B-42B0-9CF0-4429FD9C46B8}" srcOrd="0" destOrd="0" presId="urn:microsoft.com/office/officeart/2018/2/layout/IconVerticalSolidList"/>
    <dgm:cxn modelId="{D74F4649-E11F-4446-9F24-E1B23D5BBE7B}" type="presOf" srcId="{8A0DA366-F7E8-416A-861B-AFFFF6CFF6BD}" destId="{D71563EE-D1AD-4033-AE92-DE08B233BD70}" srcOrd="0" destOrd="0" presId="urn:microsoft.com/office/officeart/2018/2/layout/IconVerticalSolidList"/>
    <dgm:cxn modelId="{A8D12D6B-1262-4BC5-B106-26068C4567E8}" type="presOf" srcId="{FEF16E35-E909-463B-AC5D-EDE0A010FC99}" destId="{7DB474F5-6158-4943-BA53-61C4D3F6CA24}" srcOrd="0" destOrd="0" presId="urn:microsoft.com/office/officeart/2018/2/layout/IconVerticalSolidList"/>
    <dgm:cxn modelId="{9CC1AB4E-B901-4990-8D68-6D441AEC79CC}" srcId="{8A0DA366-F7E8-416A-861B-AFFFF6CFF6BD}" destId="{FEF16E35-E909-463B-AC5D-EDE0A010FC99}" srcOrd="4" destOrd="0" parTransId="{E4313F04-572F-4164-890D-B0833C69A953}" sibTransId="{3E11140F-AB31-4403-85E0-B391C8FE1E14}"/>
    <dgm:cxn modelId="{69CFE879-8BFF-4502-97FB-C70657381F31}" type="presOf" srcId="{B3E80141-9FBB-463E-8D96-B5FDECFC2851}" destId="{CCDA053D-75AF-4D43-B8B5-3688ADE0CD37}" srcOrd="0" destOrd="0" presId="urn:microsoft.com/office/officeart/2018/2/layout/IconVerticalSolidList"/>
    <dgm:cxn modelId="{92530386-939E-4081-810F-2BEEE8713534}" type="presOf" srcId="{BA8BDD07-AC50-47D4-8CE0-BCC27AD738DA}" destId="{D476D1A9-9DFD-4481-8EB9-67501B67A276}" srcOrd="0" destOrd="0" presId="urn:microsoft.com/office/officeart/2018/2/layout/IconVerticalSolidList"/>
    <dgm:cxn modelId="{E894F087-39ED-4543-B005-72467D2DD3C5}" srcId="{8A0DA366-F7E8-416A-861B-AFFFF6CFF6BD}" destId="{BA8BDD07-AC50-47D4-8CE0-BCC27AD738DA}" srcOrd="1" destOrd="0" parTransId="{5EB0C0C8-578D-4138-9748-114803178E3E}" sibTransId="{53900024-96C6-4107-B748-DC707A857C41}"/>
    <dgm:cxn modelId="{4AE84588-B8DE-418B-90FB-A00D92697D94}" srcId="{8A0DA366-F7E8-416A-861B-AFFFF6CFF6BD}" destId="{62F01551-3F71-408A-B541-35EE7EAC7741}" srcOrd="3" destOrd="0" parTransId="{CFA0FC2D-32CE-4B6B-97D3-92560FBCA1FD}" sibTransId="{274BD07E-BF5B-4D86-A6D3-F157182EC818}"/>
    <dgm:cxn modelId="{85975BDF-E5A4-48E2-91A5-1D732216AA33}" type="presOf" srcId="{C37C6E08-296A-4CF3-9CAB-AF55AB244042}" destId="{06B91C31-B87E-42D1-8A6A-9F1EE0529258}" srcOrd="0" destOrd="0" presId="urn:microsoft.com/office/officeart/2018/2/layout/IconVerticalSolidList"/>
    <dgm:cxn modelId="{229BCDEC-38AE-4956-B253-17C02A8855AE}" srcId="{8A0DA366-F7E8-416A-861B-AFFFF6CFF6BD}" destId="{C37C6E08-296A-4CF3-9CAB-AF55AB244042}" srcOrd="2" destOrd="0" parTransId="{1402CCC1-E7D6-487F-8D2F-9BF8BE5B5D00}" sibTransId="{B92C9387-EA9A-41A8-B0D1-8648D83F530B}"/>
    <dgm:cxn modelId="{438FCC5F-345C-4D70-A72E-C5867C25A7DD}" type="presParOf" srcId="{D71563EE-D1AD-4033-AE92-DE08B233BD70}" destId="{7059B73D-A63A-4256-BDCA-CB12229EC697}" srcOrd="0" destOrd="0" presId="urn:microsoft.com/office/officeart/2018/2/layout/IconVerticalSolidList"/>
    <dgm:cxn modelId="{33CB37B0-8C00-4439-A3F6-D44FA8CE30A6}" type="presParOf" srcId="{7059B73D-A63A-4256-BDCA-CB12229EC697}" destId="{A9BE37D4-0AC0-4C91-BF16-32B1A5CE0DF9}" srcOrd="0" destOrd="0" presId="urn:microsoft.com/office/officeart/2018/2/layout/IconVerticalSolidList"/>
    <dgm:cxn modelId="{A2356399-878E-4E55-8BAF-DE149656D31E}" type="presParOf" srcId="{7059B73D-A63A-4256-BDCA-CB12229EC697}" destId="{7DF1F2C2-1AF4-462E-8E04-84BC2A1F2B54}" srcOrd="1" destOrd="0" presId="urn:microsoft.com/office/officeart/2018/2/layout/IconVerticalSolidList"/>
    <dgm:cxn modelId="{61F425C2-6A63-41FC-A0D7-B886B3470C9E}" type="presParOf" srcId="{7059B73D-A63A-4256-BDCA-CB12229EC697}" destId="{16FACC78-4ED2-46F3-8EB9-AF98AEFCB10E}" srcOrd="2" destOrd="0" presId="urn:microsoft.com/office/officeart/2018/2/layout/IconVerticalSolidList"/>
    <dgm:cxn modelId="{CDF04C94-6B90-4004-B95C-32E976827C67}" type="presParOf" srcId="{7059B73D-A63A-4256-BDCA-CB12229EC697}" destId="{CCDA053D-75AF-4D43-B8B5-3688ADE0CD37}" srcOrd="3" destOrd="0" presId="urn:microsoft.com/office/officeart/2018/2/layout/IconVerticalSolidList"/>
    <dgm:cxn modelId="{046E34F5-3A30-4CC3-96A1-E8B7E0465A58}" type="presParOf" srcId="{D71563EE-D1AD-4033-AE92-DE08B233BD70}" destId="{E7A01116-DCD4-42A8-9E41-0D6B06167115}" srcOrd="1" destOrd="0" presId="urn:microsoft.com/office/officeart/2018/2/layout/IconVerticalSolidList"/>
    <dgm:cxn modelId="{51F0F01D-E5E2-419B-B50F-82BA08411C8D}" type="presParOf" srcId="{D71563EE-D1AD-4033-AE92-DE08B233BD70}" destId="{915BBC58-8BC0-4BB1-96E0-4126A439042E}" srcOrd="2" destOrd="0" presId="urn:microsoft.com/office/officeart/2018/2/layout/IconVerticalSolidList"/>
    <dgm:cxn modelId="{2069C245-A59D-4A7A-916B-5C4367BFD2E9}" type="presParOf" srcId="{915BBC58-8BC0-4BB1-96E0-4126A439042E}" destId="{0609B153-6F79-44F8-88B9-EE15D48D0DED}" srcOrd="0" destOrd="0" presId="urn:microsoft.com/office/officeart/2018/2/layout/IconVerticalSolidList"/>
    <dgm:cxn modelId="{3E9C22D5-9A44-48C3-81BF-8B55ADF626CE}" type="presParOf" srcId="{915BBC58-8BC0-4BB1-96E0-4126A439042E}" destId="{3FF1EE92-36A5-486C-A7BB-06CCBDF610A1}" srcOrd="1" destOrd="0" presId="urn:microsoft.com/office/officeart/2018/2/layout/IconVerticalSolidList"/>
    <dgm:cxn modelId="{A8335780-9DCF-42A7-8538-70E64AC42806}" type="presParOf" srcId="{915BBC58-8BC0-4BB1-96E0-4126A439042E}" destId="{2D6A8294-EC41-4030-ABDB-87CC7E72754F}" srcOrd="2" destOrd="0" presId="urn:microsoft.com/office/officeart/2018/2/layout/IconVerticalSolidList"/>
    <dgm:cxn modelId="{38483FD4-AD96-452A-BF1B-64FA3DD037AA}" type="presParOf" srcId="{915BBC58-8BC0-4BB1-96E0-4126A439042E}" destId="{D476D1A9-9DFD-4481-8EB9-67501B67A276}" srcOrd="3" destOrd="0" presId="urn:microsoft.com/office/officeart/2018/2/layout/IconVerticalSolidList"/>
    <dgm:cxn modelId="{96173AC1-6577-4334-9BD8-7130239EEBE3}" type="presParOf" srcId="{D71563EE-D1AD-4033-AE92-DE08B233BD70}" destId="{376E8CBB-19B1-4146-B416-B77CB4FD6B91}" srcOrd="3" destOrd="0" presId="urn:microsoft.com/office/officeart/2018/2/layout/IconVerticalSolidList"/>
    <dgm:cxn modelId="{2F75A52D-4395-4786-BA49-EC3EF66C80C2}" type="presParOf" srcId="{D71563EE-D1AD-4033-AE92-DE08B233BD70}" destId="{EA88E2B0-EBBD-4B46-BDB9-3F595A43763D}" srcOrd="4" destOrd="0" presId="urn:microsoft.com/office/officeart/2018/2/layout/IconVerticalSolidList"/>
    <dgm:cxn modelId="{3DD53EBB-7563-4735-9B3E-B2DCE273CF79}" type="presParOf" srcId="{EA88E2B0-EBBD-4B46-BDB9-3F595A43763D}" destId="{D0BE85CD-60F0-407B-8295-A1F76C2A620F}" srcOrd="0" destOrd="0" presId="urn:microsoft.com/office/officeart/2018/2/layout/IconVerticalSolidList"/>
    <dgm:cxn modelId="{5D36064C-7718-4B83-8885-C26673332ABE}" type="presParOf" srcId="{EA88E2B0-EBBD-4B46-BDB9-3F595A43763D}" destId="{9E607529-7232-437C-A9BF-5323EC744752}" srcOrd="1" destOrd="0" presId="urn:microsoft.com/office/officeart/2018/2/layout/IconVerticalSolidList"/>
    <dgm:cxn modelId="{A5318E77-C710-462C-BA4A-7F173B9A24C3}" type="presParOf" srcId="{EA88E2B0-EBBD-4B46-BDB9-3F595A43763D}" destId="{F3ADD962-F885-4A09-AF9F-8E497B6E5D2D}" srcOrd="2" destOrd="0" presId="urn:microsoft.com/office/officeart/2018/2/layout/IconVerticalSolidList"/>
    <dgm:cxn modelId="{839C6415-0214-4D03-A776-6592A0604181}" type="presParOf" srcId="{EA88E2B0-EBBD-4B46-BDB9-3F595A43763D}" destId="{06B91C31-B87E-42D1-8A6A-9F1EE0529258}" srcOrd="3" destOrd="0" presId="urn:microsoft.com/office/officeart/2018/2/layout/IconVerticalSolidList"/>
    <dgm:cxn modelId="{38D31475-64F3-4CC4-8350-272B4E653F5A}" type="presParOf" srcId="{D71563EE-D1AD-4033-AE92-DE08B233BD70}" destId="{39B9B991-795B-433C-AD2C-D8FB8A64EAAF}" srcOrd="5" destOrd="0" presId="urn:microsoft.com/office/officeart/2018/2/layout/IconVerticalSolidList"/>
    <dgm:cxn modelId="{2A57CF14-9D67-49E1-8494-531B3B3E2F3E}" type="presParOf" srcId="{D71563EE-D1AD-4033-AE92-DE08B233BD70}" destId="{E4B768A9-48CE-41EF-85BE-D9E10384B6D5}" srcOrd="6" destOrd="0" presId="urn:microsoft.com/office/officeart/2018/2/layout/IconVerticalSolidList"/>
    <dgm:cxn modelId="{BC3B4A7B-F25A-4760-A4E4-DC01751CF65F}" type="presParOf" srcId="{E4B768A9-48CE-41EF-85BE-D9E10384B6D5}" destId="{B71AF69B-BF7F-490B-BE7F-8ADC862AEA8C}" srcOrd="0" destOrd="0" presId="urn:microsoft.com/office/officeart/2018/2/layout/IconVerticalSolidList"/>
    <dgm:cxn modelId="{79799615-201E-4D4B-ACC4-5FD0C949629B}" type="presParOf" srcId="{E4B768A9-48CE-41EF-85BE-D9E10384B6D5}" destId="{4F4A3395-D165-456F-92D0-BA6F397B4866}" srcOrd="1" destOrd="0" presId="urn:microsoft.com/office/officeart/2018/2/layout/IconVerticalSolidList"/>
    <dgm:cxn modelId="{132F0525-C614-483A-9354-DF762FE7CD5F}" type="presParOf" srcId="{E4B768A9-48CE-41EF-85BE-D9E10384B6D5}" destId="{E0F81FDA-0FA5-4699-A942-2166607EF156}" srcOrd="2" destOrd="0" presId="urn:microsoft.com/office/officeart/2018/2/layout/IconVerticalSolidList"/>
    <dgm:cxn modelId="{2040811F-7816-45D7-A65F-B08A750B9D41}" type="presParOf" srcId="{E4B768A9-48CE-41EF-85BE-D9E10384B6D5}" destId="{8FF18348-7F2B-42B0-9CF0-4429FD9C46B8}" srcOrd="3" destOrd="0" presId="urn:microsoft.com/office/officeart/2018/2/layout/IconVerticalSolidList"/>
    <dgm:cxn modelId="{D1FDA1A0-C22B-49BA-8D2C-0997C444CBEB}" type="presParOf" srcId="{D71563EE-D1AD-4033-AE92-DE08B233BD70}" destId="{7475584A-D5EC-43BA-9415-38CF8958BE5B}" srcOrd="7" destOrd="0" presId="urn:microsoft.com/office/officeart/2018/2/layout/IconVerticalSolidList"/>
    <dgm:cxn modelId="{A57F7EC7-6992-466E-BD21-DFFC3C85DF6C}" type="presParOf" srcId="{D71563EE-D1AD-4033-AE92-DE08B233BD70}" destId="{3C3EC2A0-53AC-4858-AD9B-53213D43F9A9}" srcOrd="8" destOrd="0" presId="urn:microsoft.com/office/officeart/2018/2/layout/IconVerticalSolidList"/>
    <dgm:cxn modelId="{3BD9FFA2-0746-4537-9D62-058097C88DAE}" type="presParOf" srcId="{3C3EC2A0-53AC-4858-AD9B-53213D43F9A9}" destId="{C0A6DDF5-F6E2-4FBB-BD69-6B1578A299E7}" srcOrd="0" destOrd="0" presId="urn:microsoft.com/office/officeart/2018/2/layout/IconVerticalSolidList"/>
    <dgm:cxn modelId="{D31FD6C3-756D-4F04-80AF-CD5223F4AD91}" type="presParOf" srcId="{3C3EC2A0-53AC-4858-AD9B-53213D43F9A9}" destId="{25CE2AFA-6EE8-4195-8A21-7BD24022CA65}" srcOrd="1" destOrd="0" presId="urn:microsoft.com/office/officeart/2018/2/layout/IconVerticalSolidList"/>
    <dgm:cxn modelId="{74C7B201-08D7-4810-A56B-E9F03235D448}" type="presParOf" srcId="{3C3EC2A0-53AC-4858-AD9B-53213D43F9A9}" destId="{BA7F7FBA-C7E2-4CB1-B361-5DBD848B7959}" srcOrd="2" destOrd="0" presId="urn:microsoft.com/office/officeart/2018/2/layout/IconVerticalSolidList"/>
    <dgm:cxn modelId="{0D31CF9A-CA9E-4923-A145-46D2B322C2ED}" type="presParOf" srcId="{3C3EC2A0-53AC-4858-AD9B-53213D43F9A9}" destId="{7DB474F5-6158-4943-BA53-61C4D3F6CA24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60A1A708-D1CE-4519-9049-0B2DC6164F93}" type="doc">
      <dgm:prSet loTypeId="urn:microsoft.com/office/officeart/2009/3/layout/IncreasingArrowsProcess" loCatId="process" qsTypeId="urn:microsoft.com/office/officeart/2005/8/quickstyle/simple1" qsCatId="simple" csTypeId="urn:microsoft.com/office/officeart/2005/8/colors/accent3_3" csCatId="accent3" phldr="1"/>
      <dgm:spPr/>
      <dgm:t>
        <a:bodyPr/>
        <a:lstStyle/>
        <a:p>
          <a:endParaRPr lang="da-DK"/>
        </a:p>
      </dgm:t>
    </dgm:pt>
    <dgm:pt modelId="{B9D3B152-03B6-4203-AC29-FAD2AB5F0F1B}">
      <dgm:prSet phldrT="[Tekst]"/>
      <dgm:spPr/>
      <dgm:t>
        <a:bodyPr/>
        <a:lstStyle/>
        <a:p>
          <a:r>
            <a:rPr lang="da-DK" dirty="0"/>
            <a:t>2026</a:t>
          </a:r>
        </a:p>
      </dgm:t>
    </dgm:pt>
    <dgm:pt modelId="{25E361B0-B8AC-452B-BD32-62C05BC17CDD}" type="parTrans" cxnId="{635639CF-F2B8-4EBC-A9D1-B4CE38C15DAE}">
      <dgm:prSet/>
      <dgm:spPr/>
      <dgm:t>
        <a:bodyPr/>
        <a:lstStyle/>
        <a:p>
          <a:endParaRPr lang="da-DK"/>
        </a:p>
      </dgm:t>
    </dgm:pt>
    <dgm:pt modelId="{0438114D-FE26-4A97-87F1-A282264A72DE}" type="sibTrans" cxnId="{635639CF-F2B8-4EBC-A9D1-B4CE38C15DAE}">
      <dgm:prSet/>
      <dgm:spPr/>
      <dgm:t>
        <a:bodyPr/>
        <a:lstStyle/>
        <a:p>
          <a:endParaRPr lang="da-DK"/>
        </a:p>
      </dgm:t>
    </dgm:pt>
    <dgm:pt modelId="{C657DA73-423E-4735-A9E5-4F65D843AFBD}">
      <dgm:prSet phldrT="[Tekst]"/>
      <dgm:spPr/>
      <dgm:t>
        <a:bodyPr/>
        <a:lstStyle/>
        <a:p>
          <a:pPr>
            <a:buFont typeface="Arial" panose="020B0604020202020204" pitchFamily="34" charset="0"/>
            <a:buNone/>
          </a:pPr>
          <a:r>
            <a:rPr lang="da-DK" dirty="0"/>
            <a:t>Teknisk implementering af reformen og stabil drift af eksisterende</a:t>
          </a:r>
        </a:p>
        <a:p>
          <a:pPr>
            <a:buFont typeface="Arial" panose="020B0604020202020204" pitchFamily="34" charset="0"/>
            <a:buNone/>
          </a:pPr>
          <a:r>
            <a:rPr lang="da-DK" dirty="0"/>
            <a:t>Implementering af psykiatri og neurologi</a:t>
          </a:r>
        </a:p>
        <a:p>
          <a:pPr>
            <a:buFont typeface="Arial" panose="020B0604020202020204" pitchFamily="34" charset="0"/>
            <a:buNone/>
          </a:pPr>
          <a:r>
            <a:rPr lang="da-DK" dirty="0"/>
            <a:t>Forberedelse af sundhedsråd (onboarding), og opgaveflyt samt faglig ledelse af almen praksis</a:t>
          </a:r>
        </a:p>
        <a:p>
          <a:pPr>
            <a:buFont typeface="Arial" panose="020B0604020202020204" pitchFamily="34" charset="0"/>
            <a:buNone/>
          </a:pPr>
          <a:r>
            <a:rPr lang="da-DK" dirty="0"/>
            <a:t>Forberedelse af Region Øst</a:t>
          </a:r>
        </a:p>
        <a:p>
          <a:pPr>
            <a:buFont typeface="Arial" panose="020B0604020202020204" pitchFamily="34" charset="0"/>
            <a:buNone/>
          </a:pPr>
          <a:r>
            <a:rPr lang="da-DK" dirty="0">
              <a:solidFill>
                <a:schemeClr val="tx1"/>
              </a:solidFill>
            </a:rPr>
            <a:t>Integration og opbygning af fælles kendskab til den samlede organisation, dens opgaver og vores ledelsesfællesskab og transformationsopgaven</a:t>
          </a:r>
          <a:endParaRPr lang="da-DK" dirty="0"/>
        </a:p>
        <a:p>
          <a:pPr>
            <a:buFont typeface="Arial" panose="020B0604020202020204" pitchFamily="34" charset="0"/>
            <a:buNone/>
          </a:pPr>
          <a:r>
            <a:rPr lang="da-DK" dirty="0"/>
            <a:t>Ændring af mindset i organisationen til transformation</a:t>
          </a:r>
        </a:p>
        <a:p>
          <a:pPr>
            <a:buFont typeface="Arial" panose="020B0604020202020204" pitchFamily="34" charset="0"/>
            <a:buChar char="•"/>
          </a:pPr>
          <a:r>
            <a:rPr lang="da-DK" dirty="0"/>
            <a:t>Inkrementelle forandringer</a:t>
          </a:r>
        </a:p>
      </dgm:t>
    </dgm:pt>
    <dgm:pt modelId="{9D5C61CF-EA25-477B-A6E6-10DF9911475E}" type="parTrans" cxnId="{6C1DB0B1-AD59-4167-B358-59B8F565E87D}">
      <dgm:prSet/>
      <dgm:spPr/>
      <dgm:t>
        <a:bodyPr/>
        <a:lstStyle/>
        <a:p>
          <a:endParaRPr lang="da-DK"/>
        </a:p>
      </dgm:t>
    </dgm:pt>
    <dgm:pt modelId="{0F853E66-5715-4FD2-921E-B3BD029D1AB0}" type="sibTrans" cxnId="{6C1DB0B1-AD59-4167-B358-59B8F565E87D}">
      <dgm:prSet/>
      <dgm:spPr/>
      <dgm:t>
        <a:bodyPr/>
        <a:lstStyle/>
        <a:p>
          <a:endParaRPr lang="da-DK"/>
        </a:p>
      </dgm:t>
    </dgm:pt>
    <dgm:pt modelId="{531723A4-9D5F-4B28-99E9-95D1502079C7}">
      <dgm:prSet phldrT="[Tekst]"/>
      <dgm:spPr/>
      <dgm:t>
        <a:bodyPr/>
        <a:lstStyle/>
        <a:p>
          <a:r>
            <a:rPr lang="da-DK" dirty="0"/>
            <a:t>2027</a:t>
          </a:r>
        </a:p>
      </dgm:t>
    </dgm:pt>
    <dgm:pt modelId="{9526DBE2-7466-4358-8145-6CF6066E5C02}" type="parTrans" cxnId="{7B0A73B6-966A-45DE-A8BB-B30665E3B96F}">
      <dgm:prSet/>
      <dgm:spPr/>
      <dgm:t>
        <a:bodyPr/>
        <a:lstStyle/>
        <a:p>
          <a:endParaRPr lang="da-DK"/>
        </a:p>
      </dgm:t>
    </dgm:pt>
    <dgm:pt modelId="{CB28A646-DF43-445C-8E0C-B6945AEF9BB5}" type="sibTrans" cxnId="{7B0A73B6-966A-45DE-A8BB-B30665E3B96F}">
      <dgm:prSet/>
      <dgm:spPr/>
      <dgm:t>
        <a:bodyPr/>
        <a:lstStyle/>
        <a:p>
          <a:endParaRPr lang="da-DK"/>
        </a:p>
      </dgm:t>
    </dgm:pt>
    <dgm:pt modelId="{7061FCAC-B213-463C-93A9-A1551028FE1E}">
      <dgm:prSet phldrT="[Tekst]" custT="1"/>
      <dgm:spPr/>
      <dgm:t>
        <a:bodyPr/>
        <a:lstStyle/>
        <a:p>
          <a:r>
            <a:rPr lang="da-DK" sz="1300" dirty="0"/>
            <a:t>Ny Region Østdanmark er etableret</a:t>
          </a:r>
        </a:p>
        <a:p>
          <a:r>
            <a:rPr lang="da-DK" sz="1300" dirty="0"/>
            <a:t>Regionsråd og Sundhedsråd er etableret og kan bidrage med politiske visioner</a:t>
          </a:r>
        </a:p>
        <a:p>
          <a:r>
            <a:rPr lang="da-DK" sz="1300" dirty="0"/>
            <a:t>Ledelse af sundhedsområdet er organiseret og kan sættes i drift</a:t>
          </a:r>
        </a:p>
        <a:p>
          <a:r>
            <a:rPr lang="da-DK" sz="1300" dirty="0"/>
            <a:t>Identifikation af nødvendige udviklingsindsatser: mere radikale træk på den lange bane</a:t>
          </a:r>
        </a:p>
        <a:p>
          <a:r>
            <a:rPr lang="da-DK" sz="1300" dirty="0"/>
            <a:t>Øge ledelsens og organisationens evne til at arbejde på nye måder om nye løsninger sammen med andre samarbejdspartner. </a:t>
          </a:r>
        </a:p>
      </dgm:t>
    </dgm:pt>
    <dgm:pt modelId="{1A3B40D3-FD87-4FDB-961E-14C6D9890B1E}" type="parTrans" cxnId="{E660D257-F30D-46D9-9B1C-D50BBF75D4C3}">
      <dgm:prSet/>
      <dgm:spPr/>
      <dgm:t>
        <a:bodyPr/>
        <a:lstStyle/>
        <a:p>
          <a:endParaRPr lang="da-DK"/>
        </a:p>
      </dgm:t>
    </dgm:pt>
    <dgm:pt modelId="{C4F52C35-6212-4E87-87E1-4A53D5E3CDC0}" type="sibTrans" cxnId="{E660D257-F30D-46D9-9B1C-D50BBF75D4C3}">
      <dgm:prSet/>
      <dgm:spPr/>
      <dgm:t>
        <a:bodyPr/>
        <a:lstStyle/>
        <a:p>
          <a:endParaRPr lang="da-DK"/>
        </a:p>
      </dgm:t>
    </dgm:pt>
    <dgm:pt modelId="{621FD0C3-B8F4-490B-ABA5-C48474BB4552}">
      <dgm:prSet phldrT="[Tekst]"/>
      <dgm:spPr/>
      <dgm:t>
        <a:bodyPr/>
        <a:lstStyle/>
        <a:p>
          <a:r>
            <a:rPr lang="da-DK" dirty="0"/>
            <a:t>2028</a:t>
          </a:r>
        </a:p>
      </dgm:t>
    </dgm:pt>
    <dgm:pt modelId="{F990AD23-B051-404B-BCEC-BFD5BD95561E}" type="parTrans" cxnId="{AB5CD7CE-7AD2-471D-A0C3-B999E71E8782}">
      <dgm:prSet/>
      <dgm:spPr/>
      <dgm:t>
        <a:bodyPr/>
        <a:lstStyle/>
        <a:p>
          <a:endParaRPr lang="da-DK"/>
        </a:p>
      </dgm:t>
    </dgm:pt>
    <dgm:pt modelId="{5B918069-6F70-4043-87FF-D22A2F82729B}" type="sibTrans" cxnId="{AB5CD7CE-7AD2-471D-A0C3-B999E71E8782}">
      <dgm:prSet/>
      <dgm:spPr/>
      <dgm:t>
        <a:bodyPr/>
        <a:lstStyle/>
        <a:p>
          <a:endParaRPr lang="da-DK"/>
        </a:p>
      </dgm:t>
    </dgm:pt>
    <dgm:pt modelId="{6CEDB657-5F6F-4EBB-B50B-80DB38F68A08}">
      <dgm:prSet phldrT="[Tekst]"/>
      <dgm:spPr/>
      <dgm:t>
        <a:bodyPr/>
        <a:lstStyle/>
        <a:p>
          <a:r>
            <a:rPr lang="da-DK" dirty="0"/>
            <a:t>2029…</a:t>
          </a:r>
        </a:p>
      </dgm:t>
    </dgm:pt>
    <dgm:pt modelId="{40567D7B-ACE1-4F95-8A49-8C453C6A5A08}" type="parTrans" cxnId="{C4B5D91C-4A3C-4F86-8A7F-B594F758E165}">
      <dgm:prSet/>
      <dgm:spPr/>
      <dgm:t>
        <a:bodyPr/>
        <a:lstStyle/>
        <a:p>
          <a:endParaRPr lang="da-DK"/>
        </a:p>
      </dgm:t>
    </dgm:pt>
    <dgm:pt modelId="{456C922A-9EC9-41C9-88A2-6ED51F4C1EB4}" type="sibTrans" cxnId="{C4B5D91C-4A3C-4F86-8A7F-B594F758E165}">
      <dgm:prSet/>
      <dgm:spPr/>
      <dgm:t>
        <a:bodyPr/>
        <a:lstStyle/>
        <a:p>
          <a:endParaRPr lang="da-DK"/>
        </a:p>
      </dgm:t>
    </dgm:pt>
    <dgm:pt modelId="{43F2C067-9E1D-4502-9D60-98DF5033FE73}">
      <dgm:prSet phldrT="[Tekst]"/>
      <dgm:spPr/>
      <dgm:t>
        <a:bodyPr/>
        <a:lstStyle/>
        <a:p>
          <a:r>
            <a:rPr lang="da-DK" dirty="0"/>
            <a:t>Rammebetingelser formentlig til stede for at kunne øge tempo på transformation</a:t>
          </a:r>
        </a:p>
      </dgm:t>
    </dgm:pt>
    <dgm:pt modelId="{5F22D8CA-5D2C-4BCE-A870-5C5619B56D0F}" type="parTrans" cxnId="{3CCFBA34-206B-4390-A547-E425E17C45CA}">
      <dgm:prSet/>
      <dgm:spPr/>
      <dgm:t>
        <a:bodyPr/>
        <a:lstStyle/>
        <a:p>
          <a:endParaRPr lang="da-DK"/>
        </a:p>
      </dgm:t>
    </dgm:pt>
    <dgm:pt modelId="{3975596C-8DB2-49CD-812D-373F9FB0B9AD}" type="sibTrans" cxnId="{3CCFBA34-206B-4390-A547-E425E17C45CA}">
      <dgm:prSet/>
      <dgm:spPr/>
      <dgm:t>
        <a:bodyPr/>
        <a:lstStyle/>
        <a:p>
          <a:endParaRPr lang="da-DK"/>
        </a:p>
      </dgm:t>
    </dgm:pt>
    <dgm:pt modelId="{03F56FA7-502C-4DC6-82BD-547B1852E25F}">
      <dgm:prSet phldrT="[Tekst]"/>
      <dgm:spPr/>
      <dgm:t>
        <a:bodyPr/>
        <a:lstStyle/>
        <a:p>
          <a:r>
            <a:rPr lang="da-DK" dirty="0"/>
            <a:t>Fortsat transformation: resultater og nye samarbejder</a:t>
          </a:r>
        </a:p>
      </dgm:t>
    </dgm:pt>
    <dgm:pt modelId="{976CA8DB-F798-4623-B95F-24C262762E78}" type="sibTrans" cxnId="{18484E52-3405-4A9C-8649-A054C09A39EC}">
      <dgm:prSet/>
      <dgm:spPr/>
      <dgm:t>
        <a:bodyPr/>
        <a:lstStyle/>
        <a:p>
          <a:endParaRPr lang="da-DK"/>
        </a:p>
      </dgm:t>
    </dgm:pt>
    <dgm:pt modelId="{080D9E33-AE73-4110-ADD3-770524B527B1}" type="parTrans" cxnId="{18484E52-3405-4A9C-8649-A054C09A39EC}">
      <dgm:prSet/>
      <dgm:spPr/>
      <dgm:t>
        <a:bodyPr/>
        <a:lstStyle/>
        <a:p>
          <a:endParaRPr lang="da-DK"/>
        </a:p>
      </dgm:t>
    </dgm:pt>
    <dgm:pt modelId="{9B6D41DE-D66D-47C6-821A-B3544767FD51}" type="pres">
      <dgm:prSet presAssocID="{60A1A708-D1CE-4519-9049-0B2DC6164F93}" presName="Name0" presStyleCnt="0">
        <dgm:presLayoutVars>
          <dgm:chMax val="5"/>
          <dgm:chPref val="5"/>
          <dgm:dir/>
          <dgm:animLvl val="lvl"/>
        </dgm:presLayoutVars>
      </dgm:prSet>
      <dgm:spPr/>
    </dgm:pt>
    <dgm:pt modelId="{07B94439-B899-4B45-9251-3011A05375E4}" type="pres">
      <dgm:prSet presAssocID="{B9D3B152-03B6-4203-AC29-FAD2AB5F0F1B}" presName="parentText1" presStyleLbl="node1" presStyleIdx="0" presStyleCnt="4">
        <dgm:presLayoutVars>
          <dgm:chMax/>
          <dgm:chPref val="3"/>
          <dgm:bulletEnabled val="1"/>
        </dgm:presLayoutVars>
      </dgm:prSet>
      <dgm:spPr/>
    </dgm:pt>
    <dgm:pt modelId="{23874DA6-5D98-4B28-87F2-920EA7850607}" type="pres">
      <dgm:prSet presAssocID="{B9D3B152-03B6-4203-AC29-FAD2AB5F0F1B}" presName="childText1" presStyleLbl="solidAlignAcc1" presStyleIdx="0" presStyleCnt="4" custScaleX="101687" custScaleY="152624" custLinFactNeighborX="1509" custLinFactNeighborY="26388">
        <dgm:presLayoutVars>
          <dgm:chMax val="0"/>
          <dgm:chPref val="0"/>
          <dgm:bulletEnabled val="1"/>
        </dgm:presLayoutVars>
      </dgm:prSet>
      <dgm:spPr/>
    </dgm:pt>
    <dgm:pt modelId="{0FA4E656-A971-4C45-B562-4B926BA1A1E7}" type="pres">
      <dgm:prSet presAssocID="{531723A4-9D5F-4B28-99E9-95D1502079C7}" presName="parentText2" presStyleLbl="node1" presStyleIdx="1" presStyleCnt="4">
        <dgm:presLayoutVars>
          <dgm:chMax/>
          <dgm:chPref val="3"/>
          <dgm:bulletEnabled val="1"/>
        </dgm:presLayoutVars>
      </dgm:prSet>
      <dgm:spPr/>
    </dgm:pt>
    <dgm:pt modelId="{EC7C1FBC-7D10-44C7-95D4-36E9C43CFC86}" type="pres">
      <dgm:prSet presAssocID="{531723A4-9D5F-4B28-99E9-95D1502079C7}" presName="childText2" presStyleLbl="solidAlignAcc1" presStyleIdx="1" presStyleCnt="4" custScaleX="97183" custScaleY="140415" custLinFactNeighborY="18001">
        <dgm:presLayoutVars>
          <dgm:chMax val="0"/>
          <dgm:chPref val="0"/>
          <dgm:bulletEnabled val="1"/>
        </dgm:presLayoutVars>
      </dgm:prSet>
      <dgm:spPr/>
    </dgm:pt>
    <dgm:pt modelId="{54336EFC-09F1-4975-ABC7-36CD72448691}" type="pres">
      <dgm:prSet presAssocID="{621FD0C3-B8F4-490B-ABA5-C48474BB4552}" presName="parentText3" presStyleLbl="node1" presStyleIdx="2" presStyleCnt="4">
        <dgm:presLayoutVars>
          <dgm:chMax/>
          <dgm:chPref val="3"/>
          <dgm:bulletEnabled val="1"/>
        </dgm:presLayoutVars>
      </dgm:prSet>
      <dgm:spPr/>
    </dgm:pt>
    <dgm:pt modelId="{CDFE0A25-CD80-4662-85E8-975CA1590A56}" type="pres">
      <dgm:prSet presAssocID="{621FD0C3-B8F4-490B-ABA5-C48474BB4552}" presName="childText3" presStyleLbl="solidAlignAcc1" presStyleIdx="2" presStyleCnt="4" custScaleX="97115" custScaleY="122054" custLinFactNeighborY="7900">
        <dgm:presLayoutVars>
          <dgm:chMax val="0"/>
          <dgm:chPref val="0"/>
          <dgm:bulletEnabled val="1"/>
        </dgm:presLayoutVars>
      </dgm:prSet>
      <dgm:spPr/>
    </dgm:pt>
    <dgm:pt modelId="{568E9EF7-B5B5-4A80-89CF-4BBA75B8F06E}" type="pres">
      <dgm:prSet presAssocID="{6CEDB657-5F6F-4EBB-B50B-80DB38F68A08}" presName="parentText4" presStyleLbl="node1" presStyleIdx="3" presStyleCnt="4">
        <dgm:presLayoutVars>
          <dgm:chMax/>
          <dgm:chPref val="3"/>
          <dgm:bulletEnabled val="1"/>
        </dgm:presLayoutVars>
      </dgm:prSet>
      <dgm:spPr/>
    </dgm:pt>
    <dgm:pt modelId="{8F962ECB-9D94-4FB7-9025-C6ED1958B575}" type="pres">
      <dgm:prSet presAssocID="{6CEDB657-5F6F-4EBB-B50B-80DB38F68A08}" presName="childText4" presStyleLbl="solidAlignAcc1" presStyleIdx="3" presStyleCnt="4">
        <dgm:presLayoutVars>
          <dgm:chMax val="0"/>
          <dgm:chPref val="0"/>
          <dgm:bulletEnabled val="1"/>
        </dgm:presLayoutVars>
      </dgm:prSet>
      <dgm:spPr/>
    </dgm:pt>
  </dgm:ptLst>
  <dgm:cxnLst>
    <dgm:cxn modelId="{3AD9C308-5430-4764-94C8-0BBA1AB339BA}" type="presOf" srcId="{621FD0C3-B8F4-490B-ABA5-C48474BB4552}" destId="{54336EFC-09F1-4975-ABC7-36CD72448691}" srcOrd="0" destOrd="0" presId="urn:microsoft.com/office/officeart/2009/3/layout/IncreasingArrowsProcess"/>
    <dgm:cxn modelId="{2DBB4215-88CC-4457-A0BC-5A31A331B61D}" type="presOf" srcId="{B9D3B152-03B6-4203-AC29-FAD2AB5F0F1B}" destId="{07B94439-B899-4B45-9251-3011A05375E4}" srcOrd="0" destOrd="0" presId="urn:microsoft.com/office/officeart/2009/3/layout/IncreasingArrowsProcess"/>
    <dgm:cxn modelId="{C4B5D91C-4A3C-4F86-8A7F-B594F758E165}" srcId="{60A1A708-D1CE-4519-9049-0B2DC6164F93}" destId="{6CEDB657-5F6F-4EBB-B50B-80DB38F68A08}" srcOrd="3" destOrd="0" parTransId="{40567D7B-ACE1-4F95-8A49-8C453C6A5A08}" sibTransId="{456C922A-9EC9-41C9-88A2-6ED51F4C1EB4}"/>
    <dgm:cxn modelId="{4B89F120-C31A-4D52-866D-34B7EA338208}" type="presOf" srcId="{43F2C067-9E1D-4502-9D60-98DF5033FE73}" destId="{CDFE0A25-CD80-4662-85E8-975CA1590A56}" srcOrd="0" destOrd="0" presId="urn:microsoft.com/office/officeart/2009/3/layout/IncreasingArrowsProcess"/>
    <dgm:cxn modelId="{BF1C8125-33B8-4F95-AD9B-880B7F3EF0A8}" type="presOf" srcId="{7061FCAC-B213-463C-93A9-A1551028FE1E}" destId="{EC7C1FBC-7D10-44C7-95D4-36E9C43CFC86}" srcOrd="0" destOrd="0" presId="urn:microsoft.com/office/officeart/2009/3/layout/IncreasingArrowsProcess"/>
    <dgm:cxn modelId="{3CCFBA34-206B-4390-A547-E425E17C45CA}" srcId="{621FD0C3-B8F4-490B-ABA5-C48474BB4552}" destId="{43F2C067-9E1D-4502-9D60-98DF5033FE73}" srcOrd="0" destOrd="0" parTransId="{5F22D8CA-5D2C-4BCE-A870-5C5619B56D0F}" sibTransId="{3975596C-8DB2-49CD-812D-373F9FB0B9AD}"/>
    <dgm:cxn modelId="{E9AA843A-4E6F-40AC-A548-4081637573DC}" type="presOf" srcId="{C657DA73-423E-4735-A9E5-4F65D843AFBD}" destId="{23874DA6-5D98-4B28-87F2-920EA7850607}" srcOrd="0" destOrd="0" presId="urn:microsoft.com/office/officeart/2009/3/layout/IncreasingArrowsProcess"/>
    <dgm:cxn modelId="{863FD067-2C47-404D-8A5F-4BC5ADB154DC}" type="presOf" srcId="{6CEDB657-5F6F-4EBB-B50B-80DB38F68A08}" destId="{568E9EF7-B5B5-4A80-89CF-4BBA75B8F06E}" srcOrd="0" destOrd="0" presId="urn:microsoft.com/office/officeart/2009/3/layout/IncreasingArrowsProcess"/>
    <dgm:cxn modelId="{7F2B9D69-70CE-4ECB-9785-A9AFD509E92B}" type="presOf" srcId="{531723A4-9D5F-4B28-99E9-95D1502079C7}" destId="{0FA4E656-A971-4C45-B562-4B926BA1A1E7}" srcOrd="0" destOrd="0" presId="urn:microsoft.com/office/officeart/2009/3/layout/IncreasingArrowsProcess"/>
    <dgm:cxn modelId="{2949366A-FF5C-4F29-8B23-0CF7FDB980ED}" type="presOf" srcId="{03F56FA7-502C-4DC6-82BD-547B1852E25F}" destId="{8F962ECB-9D94-4FB7-9025-C6ED1958B575}" srcOrd="0" destOrd="0" presId="urn:microsoft.com/office/officeart/2009/3/layout/IncreasingArrowsProcess"/>
    <dgm:cxn modelId="{18484E52-3405-4A9C-8649-A054C09A39EC}" srcId="{6CEDB657-5F6F-4EBB-B50B-80DB38F68A08}" destId="{03F56FA7-502C-4DC6-82BD-547B1852E25F}" srcOrd="0" destOrd="0" parTransId="{080D9E33-AE73-4110-ADD3-770524B527B1}" sibTransId="{976CA8DB-F798-4623-B95F-24C262762E78}"/>
    <dgm:cxn modelId="{E660D257-F30D-46D9-9B1C-D50BBF75D4C3}" srcId="{531723A4-9D5F-4B28-99E9-95D1502079C7}" destId="{7061FCAC-B213-463C-93A9-A1551028FE1E}" srcOrd="0" destOrd="0" parTransId="{1A3B40D3-FD87-4FDB-961E-14C6D9890B1E}" sibTransId="{C4F52C35-6212-4E87-87E1-4A53D5E3CDC0}"/>
    <dgm:cxn modelId="{6C1DB0B1-AD59-4167-B358-59B8F565E87D}" srcId="{B9D3B152-03B6-4203-AC29-FAD2AB5F0F1B}" destId="{C657DA73-423E-4735-A9E5-4F65D843AFBD}" srcOrd="0" destOrd="0" parTransId="{9D5C61CF-EA25-477B-A6E6-10DF9911475E}" sibTransId="{0F853E66-5715-4FD2-921E-B3BD029D1AB0}"/>
    <dgm:cxn modelId="{7B0A73B6-966A-45DE-A8BB-B30665E3B96F}" srcId="{60A1A708-D1CE-4519-9049-0B2DC6164F93}" destId="{531723A4-9D5F-4B28-99E9-95D1502079C7}" srcOrd="1" destOrd="0" parTransId="{9526DBE2-7466-4358-8145-6CF6066E5C02}" sibTransId="{CB28A646-DF43-445C-8E0C-B6945AEF9BB5}"/>
    <dgm:cxn modelId="{AB5CD7CE-7AD2-471D-A0C3-B999E71E8782}" srcId="{60A1A708-D1CE-4519-9049-0B2DC6164F93}" destId="{621FD0C3-B8F4-490B-ABA5-C48474BB4552}" srcOrd="2" destOrd="0" parTransId="{F990AD23-B051-404B-BCEC-BFD5BD95561E}" sibTransId="{5B918069-6F70-4043-87FF-D22A2F82729B}"/>
    <dgm:cxn modelId="{635639CF-F2B8-4EBC-A9D1-B4CE38C15DAE}" srcId="{60A1A708-D1CE-4519-9049-0B2DC6164F93}" destId="{B9D3B152-03B6-4203-AC29-FAD2AB5F0F1B}" srcOrd="0" destOrd="0" parTransId="{25E361B0-B8AC-452B-BD32-62C05BC17CDD}" sibTransId="{0438114D-FE26-4A97-87F1-A282264A72DE}"/>
    <dgm:cxn modelId="{4D2F7CD5-B68F-428F-B7FC-286ADB386559}" type="presOf" srcId="{60A1A708-D1CE-4519-9049-0B2DC6164F93}" destId="{9B6D41DE-D66D-47C6-821A-B3544767FD51}" srcOrd="0" destOrd="0" presId="urn:microsoft.com/office/officeart/2009/3/layout/IncreasingArrowsProcess"/>
    <dgm:cxn modelId="{6D374EC6-CBD5-4800-95F0-F37CA72146E6}" type="presParOf" srcId="{9B6D41DE-D66D-47C6-821A-B3544767FD51}" destId="{07B94439-B899-4B45-9251-3011A05375E4}" srcOrd="0" destOrd="0" presId="urn:microsoft.com/office/officeart/2009/3/layout/IncreasingArrowsProcess"/>
    <dgm:cxn modelId="{8CE36E49-AE70-476E-85A6-8F8E3636456D}" type="presParOf" srcId="{9B6D41DE-D66D-47C6-821A-B3544767FD51}" destId="{23874DA6-5D98-4B28-87F2-920EA7850607}" srcOrd="1" destOrd="0" presId="urn:microsoft.com/office/officeart/2009/3/layout/IncreasingArrowsProcess"/>
    <dgm:cxn modelId="{235D5C0F-5891-49AF-B4EF-C436FE0D9A3D}" type="presParOf" srcId="{9B6D41DE-D66D-47C6-821A-B3544767FD51}" destId="{0FA4E656-A971-4C45-B562-4B926BA1A1E7}" srcOrd="2" destOrd="0" presId="urn:microsoft.com/office/officeart/2009/3/layout/IncreasingArrowsProcess"/>
    <dgm:cxn modelId="{D5A20AAE-DF2C-4310-897E-98DF6154EB79}" type="presParOf" srcId="{9B6D41DE-D66D-47C6-821A-B3544767FD51}" destId="{EC7C1FBC-7D10-44C7-95D4-36E9C43CFC86}" srcOrd="3" destOrd="0" presId="urn:microsoft.com/office/officeart/2009/3/layout/IncreasingArrowsProcess"/>
    <dgm:cxn modelId="{EDCC19A0-7B52-41EC-90A7-4540F6C9C007}" type="presParOf" srcId="{9B6D41DE-D66D-47C6-821A-B3544767FD51}" destId="{54336EFC-09F1-4975-ABC7-36CD72448691}" srcOrd="4" destOrd="0" presId="urn:microsoft.com/office/officeart/2009/3/layout/IncreasingArrowsProcess"/>
    <dgm:cxn modelId="{9B88CEC2-E4BC-4368-9262-A7510AD0C03E}" type="presParOf" srcId="{9B6D41DE-D66D-47C6-821A-B3544767FD51}" destId="{CDFE0A25-CD80-4662-85E8-975CA1590A56}" srcOrd="5" destOrd="0" presId="urn:microsoft.com/office/officeart/2009/3/layout/IncreasingArrowsProcess"/>
    <dgm:cxn modelId="{A00E7045-5AB8-437D-9273-820B8CBF0CF0}" type="presParOf" srcId="{9B6D41DE-D66D-47C6-821A-B3544767FD51}" destId="{568E9EF7-B5B5-4A80-89CF-4BBA75B8F06E}" srcOrd="6" destOrd="0" presId="urn:microsoft.com/office/officeart/2009/3/layout/IncreasingArrowsProcess"/>
    <dgm:cxn modelId="{05801EAE-D7F8-48CD-A5DC-B987322847A7}" type="presParOf" srcId="{9B6D41DE-D66D-47C6-821A-B3544767FD51}" destId="{8F962ECB-9D94-4FB7-9025-C6ED1958B575}" srcOrd="7" destOrd="0" presId="urn:microsoft.com/office/officeart/2009/3/layout/IncreasingArrowsProcess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E53E742-5D7F-4170-9E5A-996475C1AD52}">
      <dsp:nvSpPr>
        <dsp:cNvPr id="0" name=""/>
        <dsp:cNvSpPr/>
      </dsp:nvSpPr>
      <dsp:spPr>
        <a:xfrm>
          <a:off x="623888" y="1017"/>
          <a:ext cx="2851050" cy="171063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Lighed i sundhed  / sammenlignelige sundhedsydelser</a:t>
          </a:r>
          <a:endParaRPr lang="da-DK" sz="2400" kern="1200" dirty="0"/>
        </a:p>
      </dsp:txBody>
      <dsp:txXfrm>
        <a:off x="623888" y="1017"/>
        <a:ext cx="2851050" cy="1710630"/>
      </dsp:txXfrm>
    </dsp:sp>
    <dsp:sp modelId="{0DDEE28D-A7E9-4612-80AB-07ADCCBB5CFD}">
      <dsp:nvSpPr>
        <dsp:cNvPr id="0" name=""/>
        <dsp:cNvSpPr/>
      </dsp:nvSpPr>
      <dsp:spPr>
        <a:xfrm>
          <a:off x="3760043" y="1017"/>
          <a:ext cx="2851050" cy="1710630"/>
        </a:xfrm>
        <a:prstGeom prst="rect">
          <a:avLst/>
        </a:prstGeom>
        <a:solidFill>
          <a:schemeClr val="bg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Sammenhæng i borgernes forløb</a:t>
          </a:r>
          <a:endParaRPr lang="da-DK" sz="2400" kern="1200" dirty="0"/>
        </a:p>
      </dsp:txBody>
      <dsp:txXfrm>
        <a:off x="3760043" y="1017"/>
        <a:ext cx="2851050" cy="1710630"/>
      </dsp:txXfrm>
    </dsp:sp>
    <dsp:sp modelId="{7E180A5D-86F9-4E7A-8522-F33B5EFDCE97}">
      <dsp:nvSpPr>
        <dsp:cNvPr id="0" name=""/>
        <dsp:cNvSpPr/>
      </dsp:nvSpPr>
      <dsp:spPr>
        <a:xfrm>
          <a:off x="6896199" y="1017"/>
          <a:ext cx="2851050" cy="171063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Nærhed</a:t>
          </a:r>
          <a:endParaRPr lang="da-DK" sz="2400" kern="1200" dirty="0"/>
        </a:p>
      </dsp:txBody>
      <dsp:txXfrm>
        <a:off x="6896199" y="1017"/>
        <a:ext cx="2851050" cy="1710630"/>
      </dsp:txXfrm>
    </dsp:sp>
    <dsp:sp modelId="{906C2E3C-1192-4790-A116-961A241D386B}">
      <dsp:nvSpPr>
        <dsp:cNvPr id="0" name=""/>
        <dsp:cNvSpPr/>
      </dsp:nvSpPr>
      <dsp:spPr>
        <a:xfrm>
          <a:off x="623888" y="1996752"/>
          <a:ext cx="2851050" cy="1710630"/>
        </a:xfrm>
        <a:prstGeom prst="rect">
          <a:avLst/>
        </a:prstGeom>
        <a:solidFill>
          <a:schemeClr val="bg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rgbClr val="414042"/>
              </a:solidFill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Samme f</a:t>
          </a:r>
          <a:r>
            <a:rPr lang="da-DK" sz="2400" b="1" kern="1200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aglig kvalitet uanset geografi</a:t>
          </a:r>
          <a:endParaRPr lang="da-DK" sz="2400" kern="1200" dirty="0"/>
        </a:p>
      </dsp:txBody>
      <dsp:txXfrm>
        <a:off x="623888" y="1996752"/>
        <a:ext cx="2851050" cy="1710630"/>
      </dsp:txXfrm>
    </dsp:sp>
    <dsp:sp modelId="{2F7B5B30-3E4F-453E-92C7-5ADF66B13248}">
      <dsp:nvSpPr>
        <dsp:cNvPr id="0" name=""/>
        <dsp:cNvSpPr/>
      </dsp:nvSpPr>
      <dsp:spPr>
        <a:xfrm>
          <a:off x="3760043" y="1996752"/>
          <a:ext cx="2851050" cy="171063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rgbClr val="414042"/>
              </a:solidFill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Fagligt og økonomisk b</a:t>
          </a:r>
          <a:r>
            <a:rPr lang="da-DK" sz="2400" b="1" kern="1200" dirty="0">
              <a:solidFill>
                <a:srgbClr val="414042"/>
              </a:solidFill>
              <a:effectLst/>
              <a:latin typeface="Mari Office Book"/>
              <a:ea typeface="Times New Roman" panose="02020603050405020304" pitchFamily="18" charset="0"/>
              <a:cs typeface="Times New Roman" panose="02020603050405020304" pitchFamily="18" charset="0"/>
            </a:rPr>
            <a:t>æredygtige og robuste tilbud</a:t>
          </a:r>
          <a:endParaRPr lang="da-DK" sz="2400" kern="1200" dirty="0"/>
        </a:p>
      </dsp:txBody>
      <dsp:txXfrm>
        <a:off x="3760043" y="1996752"/>
        <a:ext cx="2851050" cy="1710630"/>
      </dsp:txXfrm>
    </dsp:sp>
    <dsp:sp modelId="{65717EBF-EE1C-4BA3-96A1-B30A24F634FF}">
      <dsp:nvSpPr>
        <dsp:cNvPr id="0" name=""/>
        <dsp:cNvSpPr/>
      </dsp:nvSpPr>
      <dsp:spPr>
        <a:xfrm>
          <a:off x="6896199" y="1996752"/>
          <a:ext cx="2851050" cy="1710630"/>
        </a:xfrm>
        <a:prstGeom prst="rect">
          <a:avLst/>
        </a:prstGeom>
        <a:solidFill>
          <a:schemeClr val="bg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rgbClr val="414042"/>
              </a:solidFill>
              <a:latin typeface="Mari Office Book"/>
              <a:cs typeface="Times New Roman" panose="02020603050405020304" pitchFamily="18" charset="0"/>
            </a:rPr>
            <a:t>Helhedssyn på den samlede opgaveløsning på tværs af sektorgrænser</a:t>
          </a:r>
        </a:p>
      </dsp:txBody>
      <dsp:txXfrm>
        <a:off x="6896199" y="1996752"/>
        <a:ext cx="2851050" cy="1710630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9BE37D4-0AC0-4C91-BF16-32B1A5CE0DF9}">
      <dsp:nvSpPr>
        <dsp:cNvPr id="0" name=""/>
        <dsp:cNvSpPr/>
      </dsp:nvSpPr>
      <dsp:spPr>
        <a:xfrm>
          <a:off x="0" y="2897"/>
          <a:ext cx="10371600" cy="61710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DF1F2C2-1AF4-462E-8E04-84BC2A1F2B54}">
      <dsp:nvSpPr>
        <dsp:cNvPr id="0" name=""/>
        <dsp:cNvSpPr/>
      </dsp:nvSpPr>
      <dsp:spPr>
        <a:xfrm>
          <a:off x="186673" y="141744"/>
          <a:ext cx="339405" cy="339405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CDA053D-75AF-4D43-B8B5-3688ADE0CD37}">
      <dsp:nvSpPr>
        <dsp:cNvPr id="0" name=""/>
        <dsp:cNvSpPr/>
      </dsp:nvSpPr>
      <dsp:spPr>
        <a:xfrm>
          <a:off x="712751" y="2897"/>
          <a:ext cx="9658848" cy="6171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5310" tIns="65310" rIns="65310" bIns="65310" numCol="1" spcCol="1270" anchor="ctr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1" kern="1200" baseline="0" dirty="0"/>
            <a:t>Forståelse af borgerens behov</a:t>
          </a:r>
          <a:r>
            <a:rPr lang="da-DK" sz="1600" kern="1200" baseline="0" dirty="0"/>
            <a:t> – evnen til at skabe løsninger ud fra borgerens livssituation, ikke systemets logik.</a:t>
          </a:r>
          <a:endParaRPr lang="en-US" sz="1600" kern="1200" dirty="0"/>
        </a:p>
      </dsp:txBody>
      <dsp:txXfrm>
        <a:off x="712751" y="2897"/>
        <a:ext cx="9658848" cy="617100"/>
      </dsp:txXfrm>
    </dsp:sp>
    <dsp:sp modelId="{0609B153-6F79-44F8-88B9-EE15D48D0DED}">
      <dsp:nvSpPr>
        <dsp:cNvPr id="0" name=""/>
        <dsp:cNvSpPr/>
      </dsp:nvSpPr>
      <dsp:spPr>
        <a:xfrm>
          <a:off x="0" y="774273"/>
          <a:ext cx="10371600" cy="61710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FF1EE92-36A5-486C-A7BB-06CCBDF610A1}">
      <dsp:nvSpPr>
        <dsp:cNvPr id="0" name=""/>
        <dsp:cNvSpPr/>
      </dsp:nvSpPr>
      <dsp:spPr>
        <a:xfrm>
          <a:off x="186673" y="913121"/>
          <a:ext cx="339405" cy="339405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476D1A9-9DFD-4481-8EB9-67501B67A276}">
      <dsp:nvSpPr>
        <dsp:cNvPr id="0" name=""/>
        <dsp:cNvSpPr/>
      </dsp:nvSpPr>
      <dsp:spPr>
        <a:xfrm>
          <a:off x="712751" y="774273"/>
          <a:ext cx="9658848" cy="6171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5310" tIns="65310" rIns="65310" bIns="65310" numCol="1" spcCol="1270" anchor="ctr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1" kern="1200" baseline="0" dirty="0"/>
            <a:t>Digital leverancemodel</a:t>
          </a:r>
          <a:r>
            <a:rPr lang="da-DK" sz="1600" kern="1200" baseline="0" dirty="0"/>
            <a:t> – evnen til at tænke sundhedsydelser som digitalt og dataunderstøttet service, leveret proaktivt ud mod borgeren.</a:t>
          </a:r>
          <a:endParaRPr lang="en-US" sz="1600" kern="1200" dirty="0"/>
        </a:p>
      </dsp:txBody>
      <dsp:txXfrm>
        <a:off x="712751" y="774273"/>
        <a:ext cx="9658848" cy="617100"/>
      </dsp:txXfrm>
    </dsp:sp>
    <dsp:sp modelId="{D0BE85CD-60F0-407B-8295-A1F76C2A620F}">
      <dsp:nvSpPr>
        <dsp:cNvPr id="0" name=""/>
        <dsp:cNvSpPr/>
      </dsp:nvSpPr>
      <dsp:spPr>
        <a:xfrm>
          <a:off x="0" y="1545649"/>
          <a:ext cx="10371600" cy="61710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9E607529-7232-437C-A9BF-5323EC744752}">
      <dsp:nvSpPr>
        <dsp:cNvPr id="0" name=""/>
        <dsp:cNvSpPr/>
      </dsp:nvSpPr>
      <dsp:spPr>
        <a:xfrm>
          <a:off x="186673" y="1684497"/>
          <a:ext cx="339405" cy="339405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6B91C31-B87E-42D1-8A6A-9F1EE0529258}">
      <dsp:nvSpPr>
        <dsp:cNvPr id="0" name=""/>
        <dsp:cNvSpPr/>
      </dsp:nvSpPr>
      <dsp:spPr>
        <a:xfrm>
          <a:off x="712751" y="1545649"/>
          <a:ext cx="9658848" cy="6171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5310" tIns="65310" rIns="65310" bIns="65310" numCol="1" spcCol="1270" anchor="ctr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1" kern="1200" baseline="0" dirty="0"/>
            <a:t>Samarbejde tættere</a:t>
          </a:r>
          <a:r>
            <a:rPr lang="da-DK" sz="1600" kern="1200" baseline="0" dirty="0"/>
            <a:t> – evnen til at koordinere på tværs af aktører og sektorer, hvor AHH kun ejer en del af værdikæden.</a:t>
          </a:r>
          <a:endParaRPr lang="en-US" sz="1600" kern="1200" dirty="0"/>
        </a:p>
      </dsp:txBody>
      <dsp:txXfrm>
        <a:off x="712751" y="1545649"/>
        <a:ext cx="9658848" cy="617100"/>
      </dsp:txXfrm>
    </dsp:sp>
    <dsp:sp modelId="{B71AF69B-BF7F-490B-BE7F-8ADC862AEA8C}">
      <dsp:nvSpPr>
        <dsp:cNvPr id="0" name=""/>
        <dsp:cNvSpPr/>
      </dsp:nvSpPr>
      <dsp:spPr>
        <a:xfrm>
          <a:off x="0" y="2317025"/>
          <a:ext cx="10371600" cy="61710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4F4A3395-D165-456F-92D0-BA6F397B4866}">
      <dsp:nvSpPr>
        <dsp:cNvPr id="0" name=""/>
        <dsp:cNvSpPr/>
      </dsp:nvSpPr>
      <dsp:spPr>
        <a:xfrm>
          <a:off x="186673" y="2455873"/>
          <a:ext cx="339405" cy="339405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F18348-7F2B-42B0-9CF0-4429FD9C46B8}">
      <dsp:nvSpPr>
        <dsp:cNvPr id="0" name=""/>
        <dsp:cNvSpPr/>
      </dsp:nvSpPr>
      <dsp:spPr>
        <a:xfrm>
          <a:off x="712751" y="2317025"/>
          <a:ext cx="9658848" cy="6171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5310" tIns="65310" rIns="65310" bIns="65310" numCol="1" spcCol="1270" anchor="ctr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1" kern="1200" baseline="0"/>
            <a:t>Politisk betjening og policykapacitet</a:t>
          </a:r>
          <a:r>
            <a:rPr lang="da-DK" sz="1600" kern="1200" baseline="0"/>
            <a:t> – evnen til at agere strategisk i samspillet mellem sundhedsråd, region og kommuner.</a:t>
          </a:r>
          <a:endParaRPr lang="en-US" sz="1600" kern="1200"/>
        </a:p>
      </dsp:txBody>
      <dsp:txXfrm>
        <a:off x="712751" y="2317025"/>
        <a:ext cx="9658848" cy="617100"/>
      </dsp:txXfrm>
    </dsp:sp>
    <dsp:sp modelId="{C0A6DDF5-F6E2-4FBB-BD69-6B1578A299E7}">
      <dsp:nvSpPr>
        <dsp:cNvPr id="0" name=""/>
        <dsp:cNvSpPr/>
      </dsp:nvSpPr>
      <dsp:spPr>
        <a:xfrm>
          <a:off x="0" y="3088401"/>
          <a:ext cx="10371600" cy="61710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5CE2AFA-6EE8-4195-8A21-7BD24022CA65}">
      <dsp:nvSpPr>
        <dsp:cNvPr id="0" name=""/>
        <dsp:cNvSpPr/>
      </dsp:nvSpPr>
      <dsp:spPr>
        <a:xfrm>
          <a:off x="186673" y="3227249"/>
          <a:ext cx="339405" cy="339405"/>
        </a:xfrm>
        <a:prstGeom prst="rect">
          <a:avLst/>
        </a:prstGeom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DB474F5-6158-4943-BA53-61C4D3F6CA24}">
      <dsp:nvSpPr>
        <dsp:cNvPr id="0" name=""/>
        <dsp:cNvSpPr/>
      </dsp:nvSpPr>
      <dsp:spPr>
        <a:xfrm>
          <a:off x="712751" y="3088401"/>
          <a:ext cx="9658848" cy="6171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5310" tIns="65310" rIns="65310" bIns="65310" numCol="1" spcCol="1270" anchor="ctr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1" kern="1200" baseline="0" dirty="0"/>
            <a:t>Transformations- og læringsevne</a:t>
          </a:r>
          <a:r>
            <a:rPr lang="da-DK" sz="1600" kern="1200" baseline="0" dirty="0"/>
            <a:t> – evnen til løbende at udvikle sig som organisation og forblive i bevægelse.</a:t>
          </a:r>
          <a:endParaRPr lang="en-US" sz="1600" kern="1200" dirty="0"/>
        </a:p>
      </dsp:txBody>
      <dsp:txXfrm>
        <a:off x="712751" y="3088401"/>
        <a:ext cx="9658848" cy="617100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07B94439-B899-4B45-9251-3011A05375E4}">
      <dsp:nvSpPr>
        <dsp:cNvPr id="0" name=""/>
        <dsp:cNvSpPr/>
      </dsp:nvSpPr>
      <dsp:spPr>
        <a:xfrm>
          <a:off x="95406" y="183753"/>
          <a:ext cx="9615516" cy="1399874"/>
        </a:xfrm>
        <a:prstGeom prst="rightArrow">
          <a:avLst>
            <a:gd name="adj1" fmla="val 50000"/>
            <a:gd name="adj2" fmla="val 50000"/>
          </a:avLst>
        </a:prstGeom>
        <a:solidFill>
          <a:schemeClr val="accent3">
            <a:shade val="8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6680" tIns="106680" rIns="254000" bIns="222230" numCol="1" spcCol="1270" anchor="ctr" anchorCtr="0">
          <a:noAutofit/>
        </a:bodyPr>
        <a:lstStyle/>
        <a:p>
          <a:pPr marL="0" lvl="0" indent="0" algn="l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800" kern="1200" dirty="0"/>
            <a:t>2026</a:t>
          </a:r>
        </a:p>
      </dsp:txBody>
      <dsp:txXfrm>
        <a:off x="95406" y="533722"/>
        <a:ext cx="9265548" cy="699937"/>
      </dsp:txXfrm>
    </dsp:sp>
    <dsp:sp modelId="{23874DA6-5D98-4B28-87F2-920EA7850607}">
      <dsp:nvSpPr>
        <dsp:cNvPr id="0" name=""/>
        <dsp:cNvSpPr/>
      </dsp:nvSpPr>
      <dsp:spPr>
        <a:xfrm>
          <a:off x="110156" y="1267510"/>
          <a:ext cx="2253766" cy="3951963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300" kern="1200" dirty="0"/>
            <a:t>Teknisk implementering af reformen og stabil drift af eksisterende</a:t>
          </a:r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300" kern="1200" dirty="0"/>
            <a:t>Implementering af psykiatri og neurologi</a:t>
          </a:r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300" kern="1200" dirty="0"/>
            <a:t>Forberedelse af sundhedsråd (onboarding), og opgaveflyt samt faglig ledelse af almen praksis</a:t>
          </a:r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300" kern="1200" dirty="0"/>
            <a:t>Forberedelse af Region Øst</a:t>
          </a:r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300" kern="1200" dirty="0">
              <a:solidFill>
                <a:schemeClr val="tx1"/>
              </a:solidFill>
            </a:rPr>
            <a:t>Integration og opbygning af fælles kendskab til den samlede organisation, dens opgaver og vores ledelsesfællesskab og transformationsopgaven</a:t>
          </a:r>
          <a:endParaRPr lang="da-DK" sz="1300" kern="1200" dirty="0"/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300" kern="1200" dirty="0"/>
            <a:t>Ændring af mindset i organisationen til transformation</a:t>
          </a:r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300" kern="1200" dirty="0"/>
            <a:t>Inkrementelle forandringer</a:t>
          </a:r>
        </a:p>
      </dsp:txBody>
      <dsp:txXfrm>
        <a:off x="110156" y="1267510"/>
        <a:ext cx="2253766" cy="3951963"/>
      </dsp:txXfrm>
    </dsp:sp>
    <dsp:sp modelId="{0FA4E656-A971-4C45-B562-4B926BA1A1E7}">
      <dsp:nvSpPr>
        <dsp:cNvPr id="0" name=""/>
        <dsp:cNvSpPr/>
      </dsp:nvSpPr>
      <dsp:spPr>
        <a:xfrm>
          <a:off x="2311782" y="650212"/>
          <a:ext cx="7399139" cy="1399874"/>
        </a:xfrm>
        <a:prstGeom prst="rightArrow">
          <a:avLst>
            <a:gd name="adj1" fmla="val 50000"/>
            <a:gd name="adj2" fmla="val 50000"/>
          </a:avLst>
        </a:prstGeom>
        <a:solidFill>
          <a:schemeClr val="accent3">
            <a:shade val="80000"/>
            <a:hueOff val="95869"/>
            <a:satOff val="4466"/>
            <a:lumOff val="775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6680" tIns="106680" rIns="254000" bIns="222230" numCol="1" spcCol="1270" anchor="ctr" anchorCtr="0">
          <a:noAutofit/>
        </a:bodyPr>
        <a:lstStyle/>
        <a:p>
          <a:pPr marL="0" lvl="0" indent="0" algn="l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800" kern="1200" dirty="0"/>
            <a:t>2027</a:t>
          </a:r>
        </a:p>
      </dsp:txBody>
      <dsp:txXfrm>
        <a:off x="2311782" y="1000181"/>
        <a:ext cx="7049171" cy="699937"/>
      </dsp:txXfrm>
    </dsp:sp>
    <dsp:sp modelId="{EC7C1FBC-7D10-44C7-95D4-36E9C43CFC86}">
      <dsp:nvSpPr>
        <dsp:cNvPr id="0" name=""/>
        <dsp:cNvSpPr/>
      </dsp:nvSpPr>
      <dsp:spPr>
        <a:xfrm>
          <a:off x="2343000" y="1676323"/>
          <a:ext cx="2153941" cy="3543158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300" kern="1200" dirty="0"/>
            <a:t>Ny Region Østdanmark er etableret</a:t>
          </a:r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300" kern="1200" dirty="0"/>
            <a:t>Regionsråd og Sundhedsråd er etableret og kan bidrage med politiske visioner</a:t>
          </a:r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300" kern="1200" dirty="0"/>
            <a:t>Ledelse af sundhedsområdet er organiseret og kan sættes i drift</a:t>
          </a:r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300" kern="1200" dirty="0"/>
            <a:t>Identifikation af nødvendige udviklingsindsatser: mere radikale træk på den lange bane</a:t>
          </a:r>
        </a:p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300" kern="1200" dirty="0"/>
            <a:t>Øge ledelsens og organisationens evne til at arbejde på nye måder om nye løsninger sammen med andre samarbejdspartner. </a:t>
          </a:r>
        </a:p>
      </dsp:txBody>
      <dsp:txXfrm>
        <a:off x="2343000" y="1676323"/>
        <a:ext cx="2153941" cy="3543158"/>
      </dsp:txXfrm>
    </dsp:sp>
    <dsp:sp modelId="{54336EFC-09F1-4975-ABC7-36CD72448691}">
      <dsp:nvSpPr>
        <dsp:cNvPr id="0" name=""/>
        <dsp:cNvSpPr/>
      </dsp:nvSpPr>
      <dsp:spPr>
        <a:xfrm>
          <a:off x="4528159" y="1116672"/>
          <a:ext cx="5182763" cy="1399874"/>
        </a:xfrm>
        <a:prstGeom prst="rightArrow">
          <a:avLst>
            <a:gd name="adj1" fmla="val 50000"/>
            <a:gd name="adj2" fmla="val 50000"/>
          </a:avLst>
        </a:prstGeom>
        <a:solidFill>
          <a:schemeClr val="accent3">
            <a:shade val="80000"/>
            <a:hueOff val="191739"/>
            <a:satOff val="8932"/>
            <a:lumOff val="15501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6680" tIns="106680" rIns="254000" bIns="222230" numCol="1" spcCol="1270" anchor="ctr" anchorCtr="0">
          <a:noAutofit/>
        </a:bodyPr>
        <a:lstStyle/>
        <a:p>
          <a:pPr marL="0" lvl="0" indent="0" algn="l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800" kern="1200" dirty="0"/>
            <a:t>2028</a:t>
          </a:r>
        </a:p>
      </dsp:txBody>
      <dsp:txXfrm>
        <a:off x="4528159" y="1466641"/>
        <a:ext cx="4832795" cy="699937"/>
      </dsp:txXfrm>
    </dsp:sp>
    <dsp:sp modelId="{CDFE0A25-CD80-4662-85E8-975CA1590A56}">
      <dsp:nvSpPr>
        <dsp:cNvPr id="0" name=""/>
        <dsp:cNvSpPr/>
      </dsp:nvSpPr>
      <dsp:spPr>
        <a:xfrm>
          <a:off x="4560130" y="2119028"/>
          <a:ext cx="2152434" cy="3100439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300" kern="1200" dirty="0"/>
            <a:t>Rammebetingelser formentlig til stede for at kunne øge tempo på transformation</a:t>
          </a:r>
        </a:p>
      </dsp:txBody>
      <dsp:txXfrm>
        <a:off x="4560130" y="2119028"/>
        <a:ext cx="2152434" cy="3100439"/>
      </dsp:txXfrm>
    </dsp:sp>
    <dsp:sp modelId="{568E9EF7-B5B5-4A80-89CF-4BBA75B8F06E}">
      <dsp:nvSpPr>
        <dsp:cNvPr id="0" name=""/>
        <dsp:cNvSpPr/>
      </dsp:nvSpPr>
      <dsp:spPr>
        <a:xfrm>
          <a:off x="6744535" y="1583131"/>
          <a:ext cx="2966386" cy="1399874"/>
        </a:xfrm>
        <a:prstGeom prst="rightArrow">
          <a:avLst>
            <a:gd name="adj1" fmla="val 50000"/>
            <a:gd name="adj2" fmla="val 50000"/>
          </a:avLst>
        </a:prstGeom>
        <a:solidFill>
          <a:schemeClr val="accent3">
            <a:shade val="80000"/>
            <a:hueOff val="287608"/>
            <a:satOff val="13398"/>
            <a:lumOff val="23251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6680" tIns="106680" rIns="254000" bIns="222230" numCol="1" spcCol="1270" anchor="ctr" anchorCtr="0">
          <a:noAutofit/>
        </a:bodyPr>
        <a:lstStyle/>
        <a:p>
          <a:pPr marL="0" lvl="0" indent="0" algn="l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800" kern="1200" dirty="0"/>
            <a:t>2029…</a:t>
          </a:r>
        </a:p>
      </dsp:txBody>
      <dsp:txXfrm>
        <a:off x="6744535" y="1933100"/>
        <a:ext cx="2616418" cy="699937"/>
      </dsp:txXfrm>
    </dsp:sp>
    <dsp:sp modelId="{8F962ECB-9D94-4FB7-9025-C6ED1958B575}">
      <dsp:nvSpPr>
        <dsp:cNvPr id="0" name=""/>
        <dsp:cNvSpPr/>
      </dsp:nvSpPr>
      <dsp:spPr>
        <a:xfrm>
          <a:off x="6744535" y="2664920"/>
          <a:ext cx="2236569" cy="2569993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300" kern="1200" dirty="0"/>
            <a:t>Fortsat transformation: resultater og nye samarbejder</a:t>
          </a:r>
        </a:p>
      </dsp:txBody>
      <dsp:txXfrm>
        <a:off x="6744535" y="2664920"/>
        <a:ext cx="2236569" cy="256999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9/3/layout/IncreasingArrowsProcess">
  <dgm:title val=""/>
  <dgm:desc val=""/>
  <dgm:catLst>
    <dgm:cat type="process" pri="5500"/>
  </dgm:catLst>
  <dgm:sampData>
    <dgm:dataModel>
      <dgm:ptLst>
        <dgm:pt modelId="0" type="doc"/>
        <dgm:pt modelId="10">
          <dgm:prSet phldr="1"/>
        </dgm:pt>
        <dgm:pt modelId="11">
          <dgm:prSet phldr="1"/>
        </dgm:pt>
        <dgm:pt modelId="20">
          <dgm:prSet phldr="1"/>
        </dgm:pt>
        <dgm:pt modelId="21">
          <dgm:prSet phldr="1"/>
        </dgm:pt>
        <dgm:pt modelId="30">
          <dgm:prSet phldr="1"/>
        </dgm:pt>
        <dgm:pt modelId="31">
          <dgm:prSet phldr="1"/>
        </dgm:pt>
      </dgm:ptLst>
      <dgm:cxnLst>
        <dgm:cxn modelId="40" srcId="0" destId="10" srcOrd="0" destOrd="0"/>
        <dgm:cxn modelId="12" srcId="10" destId="11" srcOrd="0" destOrd="0"/>
        <dgm:cxn modelId="50" srcId="0" destId="20" srcOrd="1" destOrd="0"/>
        <dgm:cxn modelId="22" srcId="20" destId="21" srcOrd="0" destOrd="0"/>
        <dgm:cxn modelId="60" srcId="0" destId="30" srcOrd="2" destOrd="0"/>
        <dgm:cxn modelId="32" srcId="30" destId="31" srcOrd="0" destOrd="0"/>
      </dgm:cxnLst>
      <dgm:bg/>
      <dgm:whole/>
    </dgm:dataModel>
  </dgm:sampData>
  <dgm:styleData>
    <dgm:dataModel>
      <dgm:ptLst>
        <dgm:pt modelId="0" type="doc"/>
        <dgm:pt modelId="10">
          <dgm:prSet phldr="1"/>
        </dgm:pt>
        <dgm:pt modelId="11">
          <dgm:prSet phldr="1"/>
        </dgm:pt>
        <dgm:pt modelId="20">
          <dgm:prSet phldr="1"/>
        </dgm:pt>
        <dgm:pt modelId="21">
          <dgm:prSet phldr="1"/>
        </dgm:pt>
      </dgm:ptLst>
      <dgm:cxnLst>
        <dgm:cxn modelId="40" srcId="0" destId="10" srcOrd="0" destOrd="0"/>
        <dgm:cxn modelId="12" srcId="10" destId="11" srcOrd="0" destOrd="0"/>
        <dgm:cxn modelId="50" srcId="0" destId="20" srcOrd="1" destOrd="0"/>
        <dgm:cxn modelId="22" srcId="20" destId="21" srcOrd="0" destOrd="0"/>
      </dgm:cxnLst>
      <dgm:bg/>
      <dgm:whole/>
    </dgm:dataModel>
  </dgm:styleData>
  <dgm:clrData>
    <dgm:dataModel>
      <dgm:ptLst>
        <dgm:pt modelId="0" type="doc"/>
        <dgm:pt modelId="10">
          <dgm:prSet phldr="1"/>
        </dgm:pt>
        <dgm:pt modelId="11">
          <dgm:prSet phldr="1"/>
        </dgm:pt>
        <dgm:pt modelId="20">
          <dgm:prSet phldr="1"/>
        </dgm:pt>
        <dgm:pt modelId="21">
          <dgm:prSet phldr="1"/>
        </dgm:pt>
        <dgm:pt modelId="30">
          <dgm:prSet phldr="1"/>
        </dgm:pt>
        <dgm:pt modelId="31">
          <dgm:prSet phldr="1"/>
        </dgm:pt>
      </dgm:ptLst>
      <dgm:cxnLst>
        <dgm:cxn modelId="40" srcId="0" destId="10" srcOrd="0" destOrd="0"/>
        <dgm:cxn modelId="12" srcId="10" destId="11" srcOrd="0" destOrd="0"/>
        <dgm:cxn modelId="50" srcId="0" destId="20" srcOrd="1" destOrd="0"/>
        <dgm:cxn modelId="22" srcId="20" destId="21" srcOrd="0" destOrd="0"/>
        <dgm:cxn modelId="60" srcId="0" destId="30" srcOrd="2" destOrd="0"/>
        <dgm:cxn modelId="32" srcId="30" destId="31" srcOrd="0" destOrd="0"/>
      </dgm:cxnLst>
      <dgm:bg/>
      <dgm:whole/>
    </dgm:dataModel>
  </dgm:clrData>
  <dgm:layoutNode name="Name0">
    <dgm:varLst>
      <dgm:chMax val="5"/>
      <dgm:chPref val="5"/>
      <dgm:dir/>
      <dgm:animLvl val="lvl"/>
    </dgm:varLst>
    <dgm:shape xmlns:r="http://schemas.openxmlformats.org/officeDocument/2006/relationships" r:blip="">
      <dgm:adjLst/>
    </dgm:shape>
    <dgm:choose name="Name1">
      <dgm:if name="Name2" axis="ch" ptType="node" func="cnt" op="equ" val="1">
        <dgm:choose name="Name3">
          <dgm:if name="Name4" axis="ch ch" ptType="node node" func="cnt" op="equ" val="0">
            <dgm:alg type="composite">
              <dgm:param type="ar" val="6.8662"/>
            </dgm:alg>
            <dgm:choose name="Name5">
              <dgm:if name="Name6" func="var" arg="dir" op="equ" val="norm">
                <dgm:constrLst>
                  <dgm:constr type="primFontSz" for="des" forName="parentText1" val="65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/>
                </dgm:constrLst>
              </dgm:if>
              <dgm:else name="Name7">
                <dgm:constrLst>
                  <dgm:constr type="primFontSz" for="des" forName="parentText1" val="65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/>
                </dgm:constrLst>
              </dgm:else>
            </dgm:choose>
          </dgm:if>
          <dgm:else name="Name8">
            <dgm:alg type="composite">
              <dgm:param type="ar" val="1.9864"/>
            </dgm:alg>
            <dgm:choose name="Name9">
              <dgm:if name="Name1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893"/>
                  <dgm:constr type="l" for="ch" forName="childText1" refType="w" fact="0"/>
                  <dgm:constr type="t" for="ch" forName="childText1" refType="h" fact="0.224"/>
                  <dgm:constr type="w" for="ch" forName="childText1" refType="w" fact="0.9241"/>
                  <dgm:constr type="h" for="ch" forName="childText1" refType="h" fact="0.776"/>
                </dgm:constrLst>
              </dgm:if>
              <dgm:else name="Name1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893"/>
                  <dgm:constr type="l" for="ch" forName="childText1" refType="w" fact="0.076"/>
                  <dgm:constr type="t" for="ch" forName="childText1" refType="h" fact="0.224"/>
                  <dgm:constr type="w" for="ch" forName="childText1" refType="w" fact="0.9241"/>
                  <dgm:constr type="h" for="ch" forName="childText1" refType="h" fact="0.776"/>
                </dgm:constrLst>
              </dgm:else>
            </dgm:choose>
          </dgm:else>
        </dgm:choose>
      </dgm:if>
      <dgm:if name="Name12" axis="ch" ptType="node" func="cnt" op="equ" val="2">
        <dgm:choose name="Name13">
          <dgm:if name="Name14" axis="ch ch" ptType="node node" func="cnt" op="equ" val="0">
            <dgm:alg type="composite">
              <dgm:param type="ar" val="5.1498"/>
            </dgm:alg>
            <dgm:choose name="Name15">
              <dgm:if name="Name16" func="var" arg="dir" op="equ" val="norm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7501"/>
                  <dgm:constr type="l" for="ch" forName="parentText2" refType="w" fact="0.462"/>
                  <dgm:constr type="t" for="ch" forName="parentText2" refType="h" fact="0.2499"/>
                  <dgm:constr type="w" for="ch" forName="parentText2" refType="w" fact="0.538"/>
                  <dgm:constr type="h" for="ch" forName="parentText2" refType="h" fact="0.7501"/>
                </dgm:constrLst>
              </dgm:if>
              <dgm:else name="Name17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7501"/>
                  <dgm:constr type="l" for="ch" forName="parentText2" refType="w" fact="0"/>
                  <dgm:constr type="t" for="ch" forName="parentText2" refType="h" fact="0.2499"/>
                  <dgm:constr type="w" for="ch" forName="parentText2" refType="w" fact="0.538"/>
                  <dgm:constr type="h" for="ch" forName="parentText2" refType="h" fact="0.7501"/>
                </dgm:constrLst>
              </dgm:else>
            </dgm:choose>
          </dgm:if>
          <dgm:else name="Name18">
            <dgm:alg type="composite">
              <dgm:param type="ar" val="2.0563"/>
            </dgm:alg>
            <dgm:choose name="Name19">
              <dgm:if name="Name2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parentText2" refType="primFontSz" refFor="des" refForName="parentText1" op="equ"/>
                  <dgm:constr type="primFontSz" for="des" forName="childText2" refType="primFontSz" refFor="des" refForName="child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995"/>
                  <dgm:constr type="l" for="ch" forName="parentText2" refType="w" fact="0.462"/>
                  <dgm:constr type="t" for="ch" forName="parentText2" refType="h" fact="0.0998"/>
                  <dgm:constr type="w" for="ch" forName="parentText2" refType="w" fact="0.538"/>
                  <dgm:constr type="h" for="ch" forName="parentText2" refType="h" fact="0.2995"/>
                  <dgm:constr type="l" for="ch" forName="childText1" refType="w" fact="0"/>
                  <dgm:constr type="t" for="ch" forName="childText1" refType="h" fact="0.2317"/>
                  <dgm:constr type="w" for="ch" forName="childText1" refType="w" fact="0.462"/>
                  <dgm:constr type="h" for="ch" forName="childText1" refType="h" fact="0.6685"/>
                  <dgm:constr type="l" for="ch" forName="childText2" refType="w" fact="0.462"/>
                  <dgm:constr type="t" for="ch" forName="childText2" refType="h" fact="0.3315"/>
                  <dgm:constr type="w" for="ch" forName="childText2" refType="w" fact="0.462"/>
                  <dgm:constr type="h" for="ch" forName="childText2" refType="h" fact="0.6685"/>
                </dgm:constrLst>
              </dgm:if>
              <dgm:else name="Name2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parentText2" refType="primFontSz" refFor="des" refForName="parentText1" op="equ"/>
                  <dgm:constr type="primFontSz" for="des" forName="childText2" refType="primFontSz" refFor="des" refForName="child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995"/>
                  <dgm:constr type="l" for="ch" forName="parentText2" refType="w" fact="0"/>
                  <dgm:constr type="t" for="ch" forName="parentText2" refType="h" fact="0.0998"/>
                  <dgm:constr type="w" for="ch" forName="parentText2" refType="w" fact="0.538"/>
                  <dgm:constr type="h" for="ch" forName="parentText2" refType="h" fact="0.2995"/>
                  <dgm:constr type="l" for="ch" forName="childText1" refType="w" fact="0.538"/>
                  <dgm:constr type="t" for="ch" forName="childText1" refType="h" fact="0.2317"/>
                  <dgm:constr type="w" for="ch" forName="childText1" refType="w" fact="0.462"/>
                  <dgm:constr type="h" for="ch" forName="childText1" refType="h" fact="0.6685"/>
                  <dgm:constr type="l" for="ch" forName="childText2" refType="w" fact="0.076"/>
                  <dgm:constr type="t" for="ch" forName="childText2" refType="h" fact="0.3315"/>
                  <dgm:constr type="w" for="ch" forName="childText2" refType="w" fact="0.462"/>
                  <dgm:constr type="h" for="ch" forName="childText2" refType="h" fact="0.6685"/>
                </dgm:constrLst>
              </dgm:else>
            </dgm:choose>
          </dgm:else>
        </dgm:choose>
      </dgm:if>
      <dgm:if name="Name22" axis="ch" ptType="node" func="cnt" op="equ" val="3">
        <dgm:choose name="Name23">
          <dgm:if name="Name24" axis="ch ch" ptType="node node" func="cnt" op="equ" val="0">
            <dgm:alg type="composite">
              <dgm:param type="ar" val="4.1198"/>
            </dgm:alg>
            <dgm:choose name="Name25">
              <dgm:if name="Name26" func="var" arg="dir" op="equ" val="norm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6"/>
                  <dgm:constr type="l" for="ch" forName="parentText2" refType="w" fact="0.308"/>
                  <dgm:constr type="t" for="ch" forName="parentText2" refType="h" fact="0.2"/>
                  <dgm:constr type="w" for="ch" forName="parentText2" refType="w" fact="0.692"/>
                  <dgm:constr type="h" for="ch" forName="parentText2" refType="h" fact="0.6"/>
                  <dgm:constr type="l" for="ch" forName="parentText3" refType="w" fact="0.616"/>
                  <dgm:constr type="t" for="ch" forName="parentText3" refType="h" fact="0.4"/>
                  <dgm:constr type="w" for="ch" forName="parentText3" refType="w" fact="0.384"/>
                  <dgm:constr type="h" for="ch" forName="parentText3" refType="h" fact="0.6"/>
                </dgm:constrLst>
              </dgm:if>
              <dgm:else name="Name27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6"/>
                  <dgm:constr type="l" for="ch" forName="parentText2" refType="w" fact="0"/>
                  <dgm:constr type="t" for="ch" forName="parentText2" refType="h" fact="0.2"/>
                  <dgm:constr type="w" for="ch" forName="parentText2" refType="w" fact="0.692"/>
                  <dgm:constr type="h" for="ch" forName="parentText2" refType="h" fact="0.6"/>
                  <dgm:constr type="l" for="ch" forName="parentText3" refType="w" fact="0"/>
                  <dgm:constr type="t" for="ch" forName="parentText3" refType="h" fact="0.4"/>
                  <dgm:constr type="w" for="ch" forName="parentText3" refType="w" fact="0.384"/>
                  <dgm:constr type="h" for="ch" forName="parentText3" refType="h" fact="0.6"/>
                </dgm:constrLst>
              </dgm:else>
            </dgm:choose>
          </dgm:if>
          <dgm:else name="Name28">
            <dgm:alg type="composite">
              <dgm:param type="ar" val="2.0702"/>
            </dgm:alg>
            <dgm:choose name="Name29">
              <dgm:if name="Name3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l" for="ch" forName="childText1" refType="w" fact="0"/>
                  <dgm:constr type="t" for="ch" forName="childText1" refType="h" fact="0.2325"/>
                  <dgm:constr type="w" for="ch" forName="childText1" refType="w" fact="0.308"/>
                  <dgm:constr type="h" for="ch" forName="childText1" refType="h" fact="0.5808"/>
                  <dgm:constr type="l" for="ch" forName="childText2" refType="w" fact="0.308"/>
                  <dgm:constr type="t" for="ch" forName="childText2" refType="h" fact="0.333"/>
                  <dgm:constr type="w" for="ch" forName="childText2" refType="w" fact="0.308"/>
                  <dgm:constr type="h" for="ch" forName="childText2" refType="h" fact="0.5808"/>
                  <dgm:constr type="l" for="ch" forName="childText3" refType="w" fact="0.616"/>
                  <dgm:constr type="t" for="ch" forName="childText3" refType="h" fact="0.4335"/>
                  <dgm:constr type="w" for="ch" forName="childText3" refType="w" fact="0.308"/>
                  <dgm:constr type="h" for="ch" forName="childText3" refType="h" fact="0.5723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3015"/>
                  <dgm:constr type="l" for="ch" forName="parentText2" refType="w" fact="0.308"/>
                  <dgm:constr type="t" for="ch" forName="parentText2" refType="h" fact="0.1005"/>
                  <dgm:constr type="w" for="ch" forName="parentText2" refType="w" fact="0.692"/>
                  <dgm:constr type="h" for="ch" forName="parentText2" refType="h" fact="0.3015"/>
                  <dgm:constr type="l" for="ch" forName="parentText3" refType="w" fact="0.616"/>
                  <dgm:constr type="t" for="ch" forName="parentText3" refType="h" fact="0.201"/>
                  <dgm:constr type="w" for="ch" forName="parentText3" refType="w" fact="0.384"/>
                  <dgm:constr type="h" for="ch" forName="parentText3" refType="h" fact="0.3015"/>
                </dgm:constrLst>
              </dgm:if>
              <dgm:else name="Name3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l" for="ch" forName="childText1" refType="w" fact="0.692"/>
                  <dgm:constr type="t" for="ch" forName="childText1" refType="h" fact="0.2325"/>
                  <dgm:constr type="w" for="ch" forName="childText1" refType="w" fact="0.308"/>
                  <dgm:constr type="h" for="ch" forName="childText1" refType="h" fact="0.5808"/>
                  <dgm:constr type="l" for="ch" forName="childText2" refType="w" fact="0.384"/>
                  <dgm:constr type="t" for="ch" forName="childText2" refType="h" fact="0.333"/>
                  <dgm:constr type="w" for="ch" forName="childText2" refType="w" fact="0.308"/>
                  <dgm:constr type="h" for="ch" forName="childText2" refType="h" fact="0.5808"/>
                  <dgm:constr type="l" for="ch" forName="childText3" refType="w" fact="0.076"/>
                  <dgm:constr type="t" for="ch" forName="childText3" refType="h" fact="0.4335"/>
                  <dgm:constr type="w" for="ch" forName="childText3" refType="w" fact="0.308"/>
                  <dgm:constr type="h" for="ch" forName="childText3" refType="h" fact="0.5723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3015"/>
                  <dgm:constr type="l" for="ch" forName="parentText2" refType="w" fact="0"/>
                  <dgm:constr type="t" for="ch" forName="parentText2" refType="h" fact="0.1005"/>
                  <dgm:constr type="w" for="ch" forName="parentText2" refType="w" fact="0.692"/>
                  <dgm:constr type="h" for="ch" forName="parentText2" refType="h" fact="0.3015"/>
                  <dgm:constr type="l" for="ch" forName="parentText3" refType="w" fact="0"/>
                  <dgm:constr type="t" for="ch" forName="parentText3" refType="h" fact="0.201"/>
                  <dgm:constr type="w" for="ch" forName="parentText3" refType="w" fact="0.384"/>
                  <dgm:constr type="h" for="ch" forName="parentText3" refType="h" fact="0.3015"/>
                </dgm:constrLst>
              </dgm:else>
            </dgm:choose>
          </dgm:else>
        </dgm:choose>
      </dgm:if>
      <dgm:if name="Name32" axis="ch" ptType="node" func="cnt" op="equ" val="4">
        <dgm:choose name="Name33">
          <dgm:if name="Name34" axis="ch ch" ptType="node node" func="cnt" op="equ" val="0">
            <dgm:alg type="composite">
              <dgm:param type="ar" val="3.435"/>
            </dgm:alg>
            <dgm:choose name="Name35">
              <dgm:if name="Name36" func="var" arg="dir" op="equ" val="norm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5001"/>
                  <dgm:constr type="l" for="ch" forName="parentText2" refType="w" fact="0.2305"/>
                  <dgm:constr type="t" for="ch" forName="parentText2" refType="h" fact="0.1666"/>
                  <dgm:constr type="w" for="ch" forName="parentText2" refType="w" fact="0.7695"/>
                  <dgm:constr type="h" for="ch" forName="parentText2" refType="h" fact="0.5001"/>
                  <dgm:constr type="l" for="ch" forName="parentText3" refType="w" fact="0.461"/>
                  <dgm:constr type="t" for="ch" forName="parentText3" refType="h" fact="0.3333"/>
                  <dgm:constr type="w" for="ch" forName="parentText3" refType="w" fact="0.539"/>
                  <dgm:constr type="h" for="ch" forName="parentText3" refType="h" fact="0.5001"/>
                  <dgm:constr type="l" for="ch" forName="parentText4" refType="w" fact="0.6915"/>
                  <dgm:constr type="t" for="ch" forName="parentText4" refType="h" fact="0.4999"/>
                  <dgm:constr type="w" for="ch" forName="parentText4" refType="w" fact="0.3085"/>
                  <dgm:constr type="h" for="ch" forName="parentText4" refType="h" fact="0.5001"/>
                </dgm:constrLst>
              </dgm:if>
              <dgm:else name="Name37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5001"/>
                  <dgm:constr type="l" for="ch" forName="parentText2" refType="w" fact="0"/>
                  <dgm:constr type="t" for="ch" forName="parentText2" refType="h" fact="0.1666"/>
                  <dgm:constr type="w" for="ch" forName="parentText2" refType="w" fact="0.7695"/>
                  <dgm:constr type="h" for="ch" forName="parentText2" refType="h" fact="0.5001"/>
                  <dgm:constr type="l" for="ch" forName="parentText3" refType="w" fact="0"/>
                  <dgm:constr type="t" for="ch" forName="parentText3" refType="h" fact="0.3333"/>
                  <dgm:constr type="w" for="ch" forName="parentText3" refType="w" fact="0.539"/>
                  <dgm:constr type="h" for="ch" forName="parentText3" refType="h" fact="0.5001"/>
                  <dgm:constr type="l" for="ch" forName="parentText4" refType="w" fact="0"/>
                  <dgm:constr type="t" for="ch" forName="parentText4" refType="h" fact="0.4999"/>
                  <dgm:constr type="w" for="ch" forName="parentText4" refType="w" fact="0.3085"/>
                  <dgm:constr type="h" for="ch" forName="parentText4" refType="h" fact="0.5001"/>
                </dgm:constrLst>
              </dgm:else>
            </dgm:choose>
          </dgm:if>
          <dgm:else name="Name38">
            <dgm:alg type="composite">
              <dgm:param type="ar" val="1.9377"/>
            </dgm:alg>
            <dgm:choose name="Name39">
              <dgm:if name="Name4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4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4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childText4" refType="primFontSz" refFor="des" refForName="parentText3" op="lte"/>
                  <dgm:constr type="primFontSz" for="des" forName="childText1" refType="primFontSz" refFor="des" refForName="parentText4" op="lte"/>
                  <dgm:constr type="primFontSz" for="des" forName="childText2" refType="primFontSz" refFor="des" refForName="parentText4" op="lte"/>
                  <dgm:constr type="primFontSz" for="des" forName="childText3" refType="primFontSz" refFor="des" refForName="parentText4" op="lte"/>
                  <dgm:constr type="primFontSz" for="des" forName="childText4" refType="primFontSz" refFor="des" refForName="parentText4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primFontSz" for="des" forName="childText4" refType="primFontSz" refFor="des" refForName="childText1" op="equ"/>
                  <dgm:constr type="l" for="ch" forName="childText1" refType="w" fact="0"/>
                  <dgm:constr type="t" for="ch" forName="childText1" refType="h" fact="0.218"/>
                  <dgm:constr type="w" for="ch" forName="childText1" refType="w" fact="0.2305"/>
                  <dgm:constr type="h" for="ch" forName="childText1" refType="h" fact="0.5218"/>
                  <dgm:constr type="l" for="ch" forName="childText2" refType="w" fact="0.2305"/>
                  <dgm:constr type="t" for="ch" forName="childText2" refType="h" fact="0.312"/>
                  <dgm:constr type="w" for="ch" forName="childText2" refType="w" fact="0.2305"/>
                  <dgm:constr type="h" for="ch" forName="childText2" refType="h" fact="0.5085"/>
                  <dgm:constr type="l" for="ch" forName="childText3" refType="w" fact="0.461"/>
                  <dgm:constr type="t" for="ch" forName="childText3" refType="h" fact="0.406"/>
                  <dgm:constr type="w" for="ch" forName="childText3" refType="w" fact="0.2305"/>
                  <dgm:constr type="h" for="ch" forName="childText3" refType="h" fact="0.5119"/>
                  <dgm:constr type="l" for="ch" forName="childText4" refType="w" fact="0.6915"/>
                  <dgm:constr type="t" for="ch" forName="childText4" refType="h" fact="0.5"/>
                  <dgm:constr type="w" for="ch" forName="childText4" refType="w" fact="0.2326"/>
                  <dgm:constr type="h" for="ch" forName="childText4" refType="h" fact="0.5179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821"/>
                  <dgm:constr type="l" for="ch" forName="parentText2" refType="w" fact="0.2305"/>
                  <dgm:constr type="t" for="ch" forName="parentText2" refType="h" fact="0.094"/>
                  <dgm:constr type="w" for="ch" forName="parentText2" refType="w" fact="0.7695"/>
                  <dgm:constr type="h" for="ch" forName="parentText2" refType="h" fact="0.2821"/>
                  <dgm:constr type="l" for="ch" forName="parentText3" refType="w" fact="0.461"/>
                  <dgm:constr type="t" for="ch" forName="parentText3" refType="h" fact="0.188"/>
                  <dgm:constr type="w" for="ch" forName="parentText3" refType="w" fact="0.539"/>
                  <dgm:constr type="h" for="ch" forName="parentText3" refType="h" fact="0.2821"/>
                  <dgm:constr type="l" for="ch" forName="parentText4" refType="w" fact="0.6915"/>
                  <dgm:constr type="t" for="ch" forName="parentText4" refType="h" fact="0.282"/>
                  <dgm:constr type="w" for="ch" forName="parentText4" refType="w" fact="0.3085"/>
                  <dgm:constr type="h" for="ch" forName="parentText4" refType="h" fact="0.2821"/>
                </dgm:constrLst>
              </dgm:if>
              <dgm:else name="Name4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4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4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childText4" refType="primFontSz" refFor="des" refForName="parentText3" op="lte"/>
                  <dgm:constr type="primFontSz" for="des" forName="childText1" refType="primFontSz" refFor="des" refForName="parentText4" op="lte"/>
                  <dgm:constr type="primFontSz" for="des" forName="childText2" refType="primFontSz" refFor="des" refForName="parentText4" op="lte"/>
                  <dgm:constr type="primFontSz" for="des" forName="childText3" refType="primFontSz" refFor="des" refForName="parentText4" op="lte"/>
                  <dgm:constr type="primFontSz" for="des" forName="childText4" refType="primFontSz" refFor="des" refForName="parentText4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primFontSz" for="des" forName="childText4" refType="primFontSz" refFor="des" refForName="childText1" op="equ"/>
                  <dgm:constr type="l" for="ch" forName="childText1" refType="w" fact="0.7695"/>
                  <dgm:constr type="t" for="ch" forName="childText1" refType="h" fact="0.218"/>
                  <dgm:constr type="w" for="ch" forName="childText1" refType="w" fact="0.2305"/>
                  <dgm:constr type="h" for="ch" forName="childText1" refType="h" fact="0.5218"/>
                  <dgm:constr type="l" for="ch" forName="childText2" refType="w" fact="0.539"/>
                  <dgm:constr type="t" for="ch" forName="childText2" refType="h" fact="0.312"/>
                  <dgm:constr type="w" for="ch" forName="childText2" refType="w" fact="0.2305"/>
                  <dgm:constr type="h" for="ch" forName="childText2" refType="h" fact="0.5085"/>
                  <dgm:constr type="l" for="ch" forName="childText3" refType="w" fact="0.3085"/>
                  <dgm:constr type="t" for="ch" forName="childText3" refType="h" fact="0.406"/>
                  <dgm:constr type="w" for="ch" forName="childText3" refType="w" fact="0.2305"/>
                  <dgm:constr type="h" for="ch" forName="childText3" refType="h" fact="0.5119"/>
                  <dgm:constr type="l" for="ch" forName="childText4" refType="w" fact="0.076"/>
                  <dgm:constr type="t" for="ch" forName="childText4" refType="h" fact="0.5"/>
                  <dgm:constr type="w" for="ch" forName="childText4" refType="w" fact="0.2346"/>
                  <dgm:constr type="h" for="ch" forName="childText4" refType="h" fact="0.5179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821"/>
                  <dgm:constr type="l" for="ch" forName="parentText2" refType="w" fact="0"/>
                  <dgm:constr type="t" for="ch" forName="parentText2" refType="h" fact="0.094"/>
                  <dgm:constr type="w" for="ch" forName="parentText2" refType="w" fact="0.7695"/>
                  <dgm:constr type="h" for="ch" forName="parentText2" refType="h" fact="0.2821"/>
                  <dgm:constr type="l" for="ch" forName="parentText3" refType="w" fact="0"/>
                  <dgm:constr type="t" for="ch" forName="parentText3" refType="h" fact="0.188"/>
                  <dgm:constr type="w" for="ch" forName="parentText3" refType="w" fact="0.539"/>
                  <dgm:constr type="h" for="ch" forName="parentText3" refType="h" fact="0.2821"/>
                  <dgm:constr type="l" for="ch" forName="parentText4" refType="w" fact="0"/>
                  <dgm:constr type="t" for="ch" forName="parentText4" refType="h" fact="0.282"/>
                  <dgm:constr type="w" for="ch" forName="parentText4" refType="w" fact="0.3085"/>
                  <dgm:constr type="h" for="ch" forName="parentText4" refType="h" fact="0.2821"/>
                </dgm:constrLst>
              </dgm:else>
            </dgm:choose>
          </dgm:else>
        </dgm:choose>
      </dgm:if>
      <dgm:else name="Name42">
        <dgm:choose name="Name43">
          <dgm:if name="Name44" axis="ch ch" ptType="node node" func="cnt" op="equ" val="0">
            <dgm:alg type="composite">
              <dgm:param type="ar" val="2.9463"/>
            </dgm:alg>
            <dgm:choose name="Name45">
              <dgm:if name="Name46" func="var" arg="dir" op="equ" val="norm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parentText5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4285"/>
                  <dgm:constr type="l" for="ch" forName="parentText2" refType="w" fact="0.1848"/>
                  <dgm:constr type="t" for="ch" forName="parentText2" refType="h" fact="0.1429"/>
                  <dgm:constr type="w" for="ch" forName="parentText2" refType="w" fact="0.8152"/>
                  <dgm:constr type="h" for="ch" forName="parentText2" refType="h" fact="0.4285"/>
                  <dgm:constr type="l" for="ch" forName="parentText3" refType="w" fact="0.3696"/>
                  <dgm:constr type="t" for="ch" forName="parentText3" refType="h" fact="0.2858"/>
                  <dgm:constr type="w" for="ch" forName="parentText3" refType="w" fact="0.6304"/>
                  <dgm:constr type="h" for="ch" forName="parentText3" refType="h" fact="0.4285"/>
                  <dgm:constr type="l" for="ch" forName="parentText4" refType="w" fact="0.5545"/>
                  <dgm:constr type="t" for="ch" forName="parentText4" refType="h" fact="0.4286"/>
                  <dgm:constr type="w" for="ch" forName="parentText4" refType="w" fact="0.4455"/>
                  <dgm:constr type="h" for="ch" forName="parentText4" refType="h" fact="0.4285"/>
                  <dgm:constr type="l" for="ch" forName="parentText5" refType="w" fact="0.7393"/>
                  <dgm:constr type="t" for="ch" forName="parentText5" refType="h" fact="0.5715"/>
                  <dgm:constr type="w" for="ch" forName="parentText5" refType="w" fact="0.2607"/>
                  <dgm:constr type="h" for="ch" forName="parentText5" refType="h" fact="0.4285"/>
                </dgm:constrLst>
              </dgm:if>
              <dgm:else name="Name47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parentText5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4285"/>
                  <dgm:constr type="l" for="ch" forName="parentText2" refType="w" fact="0"/>
                  <dgm:constr type="t" for="ch" forName="parentText2" refType="h" fact="0.1429"/>
                  <dgm:constr type="w" for="ch" forName="parentText2" refType="w" fact="0.8152"/>
                  <dgm:constr type="h" for="ch" forName="parentText2" refType="h" fact="0.4285"/>
                  <dgm:constr type="l" for="ch" forName="parentText3" refType="w" fact="0"/>
                  <dgm:constr type="t" for="ch" forName="parentText3" refType="h" fact="0.2858"/>
                  <dgm:constr type="w" for="ch" forName="parentText3" refType="w" fact="0.6304"/>
                  <dgm:constr type="h" for="ch" forName="parentText3" refType="h" fact="0.4285"/>
                  <dgm:constr type="l" for="ch" forName="parentText4" refType="w" fact="0"/>
                  <dgm:constr type="t" for="ch" forName="parentText4" refType="h" fact="0.4286"/>
                  <dgm:constr type="w" for="ch" forName="parentText4" refType="w" fact="0.4455"/>
                  <dgm:constr type="h" for="ch" forName="parentText4" refType="h" fact="0.4285"/>
                  <dgm:constr type="l" for="ch" forName="parentText5" refType="w" fact="0"/>
                  <dgm:constr type="t" for="ch" forName="parentText5" refType="h" fact="0.5715"/>
                  <dgm:constr type="w" for="ch" forName="parentText5" refType="w" fact="0.2607"/>
                  <dgm:constr type="h" for="ch" forName="parentText5" refType="h" fact="0.4285"/>
                </dgm:constrLst>
              </dgm:else>
            </dgm:choose>
          </dgm:if>
          <dgm:else name="Name48">
            <dgm:alg type="composite">
              <dgm:param type="ar" val="1.7837"/>
            </dgm:alg>
            <dgm:choose name="Name49">
              <dgm:if name="Name5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4" refType="primFontSz" refFor="des" refForName="parentText1" op="lte"/>
                  <dgm:constr type="primFontSz" for="des" forName="childText5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4" refType="primFontSz" refFor="des" refForName="parentText2" op="lte"/>
                  <dgm:constr type="primFontSz" for="des" forName="childText5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childText4" refType="primFontSz" refFor="des" refForName="parentText3" op="lte"/>
                  <dgm:constr type="primFontSz" for="des" forName="childText5" refType="primFontSz" refFor="des" refForName="parentText3" op="lte"/>
                  <dgm:constr type="primFontSz" for="des" forName="childText1" refType="primFontSz" refFor="des" refForName="parentText4" op="lte"/>
                  <dgm:constr type="primFontSz" for="des" forName="childText2" refType="primFontSz" refFor="des" refForName="parentText4" op="lte"/>
                  <dgm:constr type="primFontSz" for="des" forName="childText3" refType="primFontSz" refFor="des" refForName="parentText4" op="lte"/>
                  <dgm:constr type="primFontSz" for="des" forName="childText4" refType="primFontSz" refFor="des" refForName="parentText4" op="lte"/>
                  <dgm:constr type="primFontSz" for="des" forName="childText5" refType="primFontSz" refFor="des" refForName="parentText4" op="lte"/>
                  <dgm:constr type="primFontSz" for="des" forName="childText1" refType="primFontSz" refFor="des" refForName="parentText5" op="lte"/>
                  <dgm:constr type="primFontSz" for="des" forName="childText2" refType="primFontSz" refFor="des" refForName="parentText5" op="lte"/>
                  <dgm:constr type="primFontSz" for="des" forName="childText3" refType="primFontSz" refFor="des" refForName="parentText5" op="lte"/>
                  <dgm:constr type="primFontSz" for="des" forName="childText4" refType="primFontSz" refFor="des" refForName="parentText5" op="lte"/>
                  <dgm:constr type="primFontSz" for="des" forName="childText5" refType="primFontSz" refFor="des" refForName="parentText5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parentText5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primFontSz" for="des" forName="childText4" refType="primFontSz" refFor="des" refForName="childText1" op="equ"/>
                  <dgm:constr type="primFontSz" for="des" forName="childText5" refType="primFontSz" refFor="des" refForName="childText1" op="equ"/>
                  <dgm:constr type="l" for="ch" forName="childText1" refType="w" fact="0"/>
                  <dgm:constr type="t" for="ch" forName="childText1" refType="h" fact="0.1997"/>
                  <dgm:constr type="w" for="ch" forName="childText1" refType="w" fact="0.18482"/>
                  <dgm:constr type="h" for="ch" forName="childText1" refType="h" fact="0.4763"/>
                  <dgm:constr type="l" for="ch" forName="childText2" refType="w" fact="0.1848"/>
                  <dgm:constr type="t" for="ch" forName="childText2" refType="h" fact="0.2862"/>
                  <dgm:constr type="w" for="ch" forName="childText2" refType="w" fact="0.18482"/>
                  <dgm:constr type="h" for="ch" forName="childText2" refType="h" fact="0.4763"/>
                  <dgm:constr type="l" for="ch" forName="childText3" refType="w" fact="0.3696"/>
                  <dgm:constr type="t" for="ch" forName="childText3" refType="h" fact="0.3727"/>
                  <dgm:constr type="w" for="ch" forName="childText3" refType="w" fact="0.18482"/>
                  <dgm:constr type="h" for="ch" forName="childText3" refType="h" fact="0.4763"/>
                  <dgm:constr type="l" for="ch" forName="childText4" refType="w" fact="0.5545"/>
                  <dgm:constr type="t" for="ch" forName="childText4" refType="h" fact="0.4592"/>
                  <dgm:constr type="w" for="ch" forName="childText4" refType="w" fact="0.18482"/>
                  <dgm:constr type="h" for="ch" forName="childText4" refType="h" fact="0.4763"/>
                  <dgm:constr type="l" for="ch" forName="childText5" refType="w" fact="0.7393"/>
                  <dgm:constr type="t" for="ch" forName="childText5" refType="h" fact="0.5457"/>
                  <dgm:constr type="w" for="ch" forName="childText5" refType="w" fact="0.18482"/>
                  <dgm:constr type="h" for="ch" forName="childText5" refType="h" fact="0.4763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594"/>
                  <dgm:constr type="l" for="ch" forName="parentText2" refType="w" fact="0.1848"/>
                  <dgm:constr type="t" for="ch" forName="parentText2" refType="h" fact="0.0865"/>
                  <dgm:constr type="w" for="ch" forName="parentText2" refType="w" fact="0.8152"/>
                  <dgm:constr type="h" for="ch" forName="parentText2" refType="h" fact="0.2594"/>
                  <dgm:constr type="l" for="ch" forName="parentText3" refType="w" fact="0.3696"/>
                  <dgm:constr type="t" for="ch" forName="parentText3" refType="h" fact="0.173"/>
                  <dgm:constr type="w" for="ch" forName="parentText3" refType="w" fact="0.6304"/>
                  <dgm:constr type="h" for="ch" forName="parentText3" refType="h" fact="0.2594"/>
                  <dgm:constr type="l" for="ch" forName="parentText4" refType="w" fact="0.5545"/>
                  <dgm:constr type="t" for="ch" forName="parentText4" refType="h" fact="0.2595"/>
                  <dgm:constr type="w" for="ch" forName="parentText4" refType="w" fact="0.4455"/>
                  <dgm:constr type="h" for="ch" forName="parentText4" refType="h" fact="0.2594"/>
                  <dgm:constr type="l" for="ch" forName="parentText5" refType="w" fact="0.7393"/>
                  <dgm:constr type="t" for="ch" forName="parentText5" refType="h" fact="0.346"/>
                  <dgm:constr type="w" for="ch" forName="parentText5" refType="w" fact="0.2607"/>
                  <dgm:constr type="h" for="ch" forName="parentText5" refType="h" fact="0.2594"/>
                </dgm:constrLst>
              </dgm:if>
              <dgm:else name="Name5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4" refType="primFontSz" refFor="des" refForName="parentText1" op="lte"/>
                  <dgm:constr type="primFontSz" for="des" forName="childText5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4" refType="primFontSz" refFor="des" refForName="parentText2" op="lte"/>
                  <dgm:constr type="primFontSz" for="des" forName="childText5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childText4" refType="primFontSz" refFor="des" refForName="parentText3" op="lte"/>
                  <dgm:constr type="primFontSz" for="des" forName="childText5" refType="primFontSz" refFor="des" refForName="parentText3" op="lte"/>
                  <dgm:constr type="primFontSz" for="des" forName="childText1" refType="primFontSz" refFor="des" refForName="parentText4" op="lte"/>
                  <dgm:constr type="primFontSz" for="des" forName="childText2" refType="primFontSz" refFor="des" refForName="parentText4" op="lte"/>
                  <dgm:constr type="primFontSz" for="des" forName="childText3" refType="primFontSz" refFor="des" refForName="parentText4" op="lte"/>
                  <dgm:constr type="primFontSz" for="des" forName="childText4" refType="primFontSz" refFor="des" refForName="parentText4" op="lte"/>
                  <dgm:constr type="primFontSz" for="des" forName="childText5" refType="primFontSz" refFor="des" refForName="parentText4" op="lte"/>
                  <dgm:constr type="primFontSz" for="des" forName="childText1" refType="primFontSz" refFor="des" refForName="parentText5" op="lte"/>
                  <dgm:constr type="primFontSz" for="des" forName="childText2" refType="primFontSz" refFor="des" refForName="parentText5" op="lte"/>
                  <dgm:constr type="primFontSz" for="des" forName="childText3" refType="primFontSz" refFor="des" refForName="parentText5" op="lte"/>
                  <dgm:constr type="primFontSz" for="des" forName="childText4" refType="primFontSz" refFor="des" refForName="parentText5" op="lte"/>
                  <dgm:constr type="primFontSz" for="des" forName="childText5" refType="primFontSz" refFor="des" refForName="parentText5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parentText5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primFontSz" for="des" forName="childText4" refType="primFontSz" refFor="des" refForName="childText1" op="equ"/>
                  <dgm:constr type="primFontSz" for="des" forName="childText5" refType="primFontSz" refFor="des" refForName="childText1" op="equ"/>
                  <dgm:constr type="l" for="ch" forName="childText1" refType="w" fact="0.81518"/>
                  <dgm:constr type="t" for="ch" forName="childText1" refType="h" fact="0.1997"/>
                  <dgm:constr type="w" for="ch" forName="childText1" refType="w" fact="0.18482"/>
                  <dgm:constr type="h" for="ch" forName="childText1" refType="h" fact="0.4763"/>
                  <dgm:constr type="l" for="ch" forName="childText2" refType="w" fact="0.63036"/>
                  <dgm:constr type="t" for="ch" forName="childText2" refType="h" fact="0.2862"/>
                  <dgm:constr type="w" for="ch" forName="childText2" refType="w" fact="0.18482"/>
                  <dgm:constr type="h" for="ch" forName="childText2" refType="h" fact="0.4763"/>
                  <dgm:constr type="l" for="ch" forName="childText3" refType="w" fact="0.44554"/>
                  <dgm:constr type="t" for="ch" forName="childText3" refType="h" fact="0.3727"/>
                  <dgm:constr type="w" for="ch" forName="childText3" refType="w" fact="0.18482"/>
                  <dgm:constr type="h" for="ch" forName="childText3" refType="h" fact="0.4763"/>
                  <dgm:constr type="l" for="ch" forName="childText4" refType="w" fact="0.26072"/>
                  <dgm:constr type="t" for="ch" forName="childText4" refType="h" fact="0.4592"/>
                  <dgm:constr type="w" for="ch" forName="childText4" refType="w" fact="0.18482"/>
                  <dgm:constr type="h" for="ch" forName="childText4" refType="h" fact="0.4763"/>
                  <dgm:constr type="l" for="ch" forName="childText5" refType="w" fact="0.0759"/>
                  <dgm:constr type="t" for="ch" forName="childText5" refType="h" fact="0.5457"/>
                  <dgm:constr type="w" for="ch" forName="childText5" refType="w" fact="0.18482"/>
                  <dgm:constr type="h" for="ch" forName="childText5" refType="h" fact="0.4763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594"/>
                  <dgm:constr type="l" for="ch" forName="parentText2" refType="w" fact="0"/>
                  <dgm:constr type="t" for="ch" forName="parentText2" refType="h" fact="0.0865"/>
                  <dgm:constr type="w" for="ch" forName="parentText2" refType="w" fact="0.8152"/>
                  <dgm:constr type="h" for="ch" forName="parentText2" refType="h" fact="0.2594"/>
                  <dgm:constr type="l" for="ch" forName="parentText3" refType="w" fact="0"/>
                  <dgm:constr type="t" for="ch" forName="parentText3" refType="h" fact="0.173"/>
                  <dgm:constr type="w" for="ch" forName="parentText3" refType="w" fact="0.6304"/>
                  <dgm:constr type="h" for="ch" forName="parentText3" refType="h" fact="0.2594"/>
                  <dgm:constr type="l" for="ch" forName="parentText4" refType="w" fact="0"/>
                  <dgm:constr type="t" for="ch" forName="parentText4" refType="h" fact="0.2595"/>
                  <dgm:constr type="w" for="ch" forName="parentText4" refType="w" fact="0.4455"/>
                  <dgm:constr type="h" for="ch" forName="parentText4" refType="h" fact="0.2594"/>
                  <dgm:constr type="l" for="ch" forName="parentText5" refType="w" fact="0"/>
                  <dgm:constr type="t" for="ch" forName="parentText5" refType="h" fact="0.346"/>
                  <dgm:constr type="w" for="ch" forName="parentText5" refType="w" fact="0.2607"/>
                  <dgm:constr type="h" for="ch" forName="parentText5" refType="h" fact="0.2594"/>
                </dgm:constrLst>
              </dgm:else>
            </dgm:choose>
          </dgm:else>
        </dgm:choose>
      </dgm:else>
    </dgm:choose>
    <dgm:forEach name="Name52" axis="ch" ptType="node" cnt="1">
      <dgm:layoutNode name="parentText1" styleLbl="node1">
        <dgm:varLst>
          <dgm:chMax/>
          <dgm:chPref val="3"/>
          <dgm:bulletEnabled val="1"/>
        </dgm:varLst>
        <dgm:choose name="Name53">
          <dgm:if name="Name54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55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56">
        <dgm:if name="Name57" axis="ch" ptType="node" func="cnt" op="gte" val="1">
          <dgm:layoutNode name="childText1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58"/>
      </dgm:choose>
    </dgm:forEach>
    <dgm:forEach name="Name59" axis="ch" ptType="node" st="2" cnt="1">
      <dgm:layoutNode name="parentText2" styleLbl="node1">
        <dgm:varLst>
          <dgm:chMax/>
          <dgm:chPref val="3"/>
          <dgm:bulletEnabled val="1"/>
        </dgm:varLst>
        <dgm:choose name="Name60">
          <dgm:if name="Name61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62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63">
        <dgm:if name="Name64" axis="ch" ptType="node" func="cnt" op="gte" val="1">
          <dgm:layoutNode name="childText2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65"/>
      </dgm:choose>
    </dgm:forEach>
    <dgm:forEach name="Name66" axis="ch" ptType="node" st="3" cnt="1">
      <dgm:layoutNode name="parentText3" styleLbl="node1">
        <dgm:varLst>
          <dgm:chMax/>
          <dgm:chPref val="3"/>
          <dgm:bulletEnabled val="1"/>
        </dgm:varLst>
        <dgm:choose name="Name67">
          <dgm:if name="Name68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69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70">
        <dgm:if name="Name71" axis="ch" ptType="node" func="cnt" op="gte" val="1">
          <dgm:layoutNode name="childText3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72"/>
      </dgm:choose>
    </dgm:forEach>
    <dgm:forEach name="Name73" axis="ch" ptType="node" st="4" cnt="1">
      <dgm:layoutNode name="parentText4" styleLbl="node1">
        <dgm:varLst>
          <dgm:chMax/>
          <dgm:chPref val="3"/>
          <dgm:bulletEnabled val="1"/>
        </dgm:varLst>
        <dgm:choose name="Name74">
          <dgm:if name="Name75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76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77">
        <dgm:if name="Name78" axis="ch" ptType="node" func="cnt" op="gte" val="1">
          <dgm:layoutNode name="childText4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79"/>
      </dgm:choose>
    </dgm:forEach>
    <dgm:forEach name="Name80" axis="ch" ptType="node" st="5" cnt="1">
      <dgm:layoutNode name="parentText5" styleLbl="node1">
        <dgm:varLst>
          <dgm:chMax/>
          <dgm:chPref val="3"/>
          <dgm:bulletEnabled val="1"/>
        </dgm:varLst>
        <dgm:choose name="Name81">
          <dgm:if name="Name82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83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84">
        <dgm:if name="Name85" axis="ch" ptType="node" func="cnt" op="gte" val="1">
          <dgm:layoutNode name="childText5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86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08-01-2026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7647395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endParaRPr lang="da-DK" dirty="0">
              <a:highlight>
                <a:srgbClr val="FFFF00"/>
              </a:highlight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71283217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21252302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>
              <a:highlight>
                <a:srgbClr val="FFFF00"/>
              </a:highlight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0316712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65873337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2E91502-756A-4244-B8CC-0FD4F7A5EFF5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0518137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vt. kan denne springes ove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89138013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73299384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Relevante, mere konkrete udviklingsopgaver, som berører </a:t>
            </a:r>
            <a:r>
              <a:rPr lang="da-DK" dirty="0" err="1"/>
              <a:t>Ort</a:t>
            </a:r>
            <a:r>
              <a:rPr lang="da-DK" dirty="0"/>
              <a:t>. Kir.: </a:t>
            </a:r>
          </a:p>
          <a:p>
            <a:pPr marL="171450" indent="-171450">
              <a:buFontTx/>
              <a:buChar char="-"/>
            </a:pPr>
            <a:r>
              <a:rPr lang="da-DK" dirty="0"/>
              <a:t>Omlægge aktivitet i ambulatorier, gennemgå patientforløb med Vælg Klogt-optik, 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da-DK" sz="1200" dirty="0">
                <a:solidFill>
                  <a:srgbClr val="333333"/>
                </a:solidFill>
                <a:latin typeface="Arial"/>
              </a:rPr>
              <a:t>Omstilling af lægerollen, herunder impl.af ny uddannelse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Udvikling af det nære sundhedsvæsen og sektorsamarbejde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3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et kirurgiske område:</a:t>
            </a:r>
          </a:p>
          <a:p>
            <a:pPr marL="360363" lvl="1" indent="-171450"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da-DK" sz="1300" dirty="0">
                <a:solidFill>
                  <a:srgbClr val="333333"/>
                </a:solidFill>
                <a:latin typeface="Arial"/>
              </a:rPr>
              <a:t>Effektiv styring af operativ kapacitet</a:t>
            </a:r>
          </a:p>
          <a:p>
            <a:pPr marL="360363" lvl="1" indent="-171450"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da-DK" sz="1300" dirty="0">
                <a:solidFill>
                  <a:srgbClr val="333333"/>
                </a:solidFill>
                <a:latin typeface="Arial"/>
              </a:rPr>
              <a:t>Udvikling af det kirurgiske områder på tværs – moderne behandlinger mv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endParaRPr lang="da-DK" sz="1200" dirty="0">
              <a:solidFill>
                <a:srgbClr val="333333"/>
              </a:solidFill>
              <a:latin typeface="Arial"/>
            </a:endParaRPr>
          </a:p>
          <a:p>
            <a:pPr marL="171450" indent="-171450">
              <a:buFontTx/>
              <a:buChar char="-"/>
            </a:pP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25986325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73667299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187079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3379990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9436694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998795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2E91502-756A-4244-B8CC-0FD4F7A5EFF5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0032598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Bevægelse fra hospitalsledelse til sundhedsledelse med ændrede opgaver og mange nye opgave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4186367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Vores forberedende Sundhedsråd får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6191331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Gennemgå opgaverne. Særligt fremhæve: </a:t>
            </a:r>
          </a:p>
          <a:p>
            <a:pPr marL="171450" indent="-171450">
              <a:buFontTx/>
              <a:buChar char="-"/>
            </a:pPr>
            <a:r>
              <a:rPr lang="da-DK" dirty="0"/>
              <a:t>Vækst i aktivitet vil ligge i det nære – med midler allokeret fra Sundhedsrådet</a:t>
            </a:r>
          </a:p>
          <a:p>
            <a:pPr marL="171450" indent="-171450">
              <a:buFontTx/>
              <a:buChar char="-"/>
            </a:pPr>
            <a:r>
              <a:rPr lang="da-DK" dirty="0"/>
              <a:t>De fire opgaver, vi overtager myndighedsansvaret fo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52619297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/>
              <a:t>Kommunerne skal inddrages i sagsfremstilling og dagsordener. Der skal sikres et tæt fagligt og administrativt samarbejde på de relevante niveauer. Der er møder hver måned i sundhedsrådet. Her forventes også en koncerndirektør, hospitalsdirektør, en regional udvalgssekretær og en lokal udvalgssekretær at deltage. 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174083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.png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Background">
            <a:extLst>
              <a:ext uri="{FF2B5EF4-FFF2-40B4-BE49-F238E27FC236}">
                <a16:creationId xmlns:a16="http://schemas.microsoft.com/office/drawing/2014/main" id="{24E50DC6-5BA7-4119-B609-D4119B5D5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26942717" name="Logoimage" descr="{&quot;templafy&quot;:{&quot;id&quot;:&quot;e96097d6-82c4-4e5b-8de2-67208011056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320528786" name="ExtralogoBottomimage" descr="{&quot;templafy&quot;:{&quot;id&quot;:&quot;e081a7c1-88d8-48de-b74d-22f349dfa30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709511278" name="ExtralogoTopimage" descr="{&quot;templafy&quot;:{&quot;id&quot;:&quot;44a64e65-c216-4404-99e6-a0e0ad610aa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4" name="Virksomhed" descr="{&quot;templafy&quot;:{&quot;id&quot;:&quot;ef0ed760-395d-4a01-83f2-dcfd7057a631&quot;}}">
            <a:extLst>
              <a:ext uri="{FF2B5EF4-FFF2-40B4-BE49-F238E27FC236}">
                <a16:creationId xmlns:a16="http://schemas.microsoft.com/office/drawing/2014/main" id="{44DF0A83-9F86-1CD0-16C7-E3EE9D75459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6" name="CenterFreeText" descr="{&quot;templafy&quot;:{&quot;id&quot;:&quot;375e4cc9-6af3-4d4d-886e-f3531a260f76&quot;}}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9" name="Center" descr="{&quot;templafy&quot;:{&quot;id&quot;:&quot;5edfb535-5d0b-4cb7-824b-7b6efd23a865&quot;}}" hidden="1">
            <a:extLst>
              <a:ext uri="{FF2B5EF4-FFF2-40B4-BE49-F238E27FC236}">
                <a16:creationId xmlns:a16="http://schemas.microsoft.com/office/drawing/2014/main" id="{907C70E1-C840-FC14-EB06-6D851302708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" descr="{&quot;templafy&quot;:{&quot;id&quot;:&quot;e6427c60-74af-40c7-ae29-5feb566eacb5&quot;}}">
            <a:extLst>
              <a:ext uri="{FF2B5EF4-FFF2-40B4-BE49-F238E27FC236}">
                <a16:creationId xmlns:a16="http://schemas.microsoft.com/office/drawing/2014/main" id="{DF4D43D3-9595-9AB3-3A78-3FE8A6A03D1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0e815743-0584-4bc9-bff9-eff4bc78f5e9&quot;}}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3" name="Dato" descr="{&quot;templafy&quot;:{&quot;id&quot;:&quot;bbb9c8ad-6c1d-482e-a99a-3c428bba3312&quot;}}">
            <a:extLst>
              <a:ext uri="{FF2B5EF4-FFF2-40B4-BE49-F238E27FC236}">
                <a16:creationId xmlns:a16="http://schemas.microsoft.com/office/drawing/2014/main" id="{4A5353DE-D19D-E0C3-72E1-03E7DDE6226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89138"/>
            <a:ext cx="10371275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27125" y="4595449"/>
            <a:ext cx="10371275" cy="110802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A1C0411-5C60-5E7D-355A-F66ABC8FE3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975924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top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Rektangel 19">
            <a:extLst>
              <a:ext uri="{FF2B5EF4-FFF2-40B4-BE49-F238E27FC236}">
                <a16:creationId xmlns:a16="http://schemas.microsoft.com/office/drawing/2014/main" id="{58AE5C97-BDAE-75FA-57FF-4001051496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040938068" name="Logoimage" descr="{&quot;templafy&quot;:{&quot;id&quot;:&quot;cac6cc7f-f160-4056-ae80-2fe38aeb6cf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022388389" name="ExtralogoBottomimage" descr="{&quot;templafy&quot;:{&quot;id&quot;:&quot;e0ba05e5-fc3a-47c9-82d4-c0ad0afc46a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1" name="Titel" descr="{&quot;templafy&quot;:{&quot;id&quot;:&quot;d5994760-5115-4931-967b-faef31dea5c4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83f7535e-9730-41e4-9223-076b75b9c142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3" name="Dato" descr="{&quot;templafy&quot;:{&quot;id&quot;:&quot;192dc4c9-2d40-4746-8c89-ba24ce05f49b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pic>
        <p:nvPicPr>
          <p:cNvPr id="14341421" name="ExtralogoTopimage" descr="{&quot;templafy&quot;:{&quot;id&quot;:&quot;dfc6d85d-9cff-4be9-9060-461ae525811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656a47ed-e16f-4920-94bc-7b95f3fd1a99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4" name="CenterFreeText" descr="{&quot;templafy&quot;:{&quot;id&quot;:&quot;107c94b6-b26a-496f-879e-a2934ea5424b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4d8a46f9-13b3-48b7-9066-6c9afeeb0954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4507200"/>
            <a:ext cx="3244825" cy="1422996"/>
          </a:xfrm>
        </p:spPr>
        <p:txBody>
          <a:bodyPr anchor="t" anchorCtr="0"/>
          <a:lstStyle/>
          <a:p>
            <a:r>
              <a:rPr lang="da-DK" dirty="0"/>
              <a:t>Overskrift 28pt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730400" y="4507200"/>
            <a:ext cx="6768000" cy="142299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</p:txBody>
      </p:sp>
      <p:sp>
        <p:nvSpPr>
          <p:cNvPr id="19" name="Pladsholder til billede 2">
            <a:extLst>
              <a:ext uri="{FF2B5EF4-FFF2-40B4-BE49-F238E27FC236}">
                <a16:creationId xmlns:a16="http://schemas.microsoft.com/office/drawing/2014/main" id="{8DA15832-D016-ED2A-1620-ACA407FE9F4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221087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64404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979">
          <p15:clr>
            <a:srgbClr val="A4A3A4"/>
          </p15:clr>
        </p15:guide>
        <p15:guide id="2" pos="275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CF3CB3AF-90BF-908D-D3B8-651E365F3D4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CFDD5364-CBF7-F8A2-3E66-0322B506E5F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195" b="2823"/>
          <a:stretch/>
        </p:blipFill>
        <p:spPr>
          <a:xfrm>
            <a:off x="687389" y="0"/>
            <a:ext cx="11504611" cy="6858000"/>
          </a:xfrm>
          <a:prstGeom prst="rect">
            <a:avLst/>
          </a:prstGeom>
        </p:spPr>
      </p:pic>
      <p:sp>
        <p:nvSpPr>
          <p:cNvPr id="4" name="Ellipse 3">
            <a:extLst>
              <a:ext uri="{FF2B5EF4-FFF2-40B4-BE49-F238E27FC236}">
                <a16:creationId xmlns:a16="http://schemas.microsoft.com/office/drawing/2014/main" id="{382AAC77-9CB6-9BD8-38F8-1B4CB5BEA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67A6D053-93F8-A8F6-1D82-382347079F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pic>
        <p:nvPicPr>
          <p:cNvPr id="973805784" name="Logoimage" descr="{&quot;templafy&quot;:{&quot;id&quot;:&quot;8dcbad07-183a-42c2-9c55-ec8c27f6aa1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87389" y="0"/>
            <a:ext cx="11504612" cy="6858000"/>
          </a:xfrm>
        </p:spPr>
        <p:txBody>
          <a:bodyPr tIns="900000" anchor="ctr" anchorCtr="1"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49A5D83B-CF24-8005-22E9-48A20C5CF81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Footer Placeholder 6" hidden="1">
            <a:extLst>
              <a:ext uri="{FF2B5EF4-FFF2-40B4-BE49-F238E27FC236}">
                <a16:creationId xmlns:a16="http://schemas.microsoft.com/office/drawing/2014/main" id="{B3194AA3-25CC-D01A-07CD-90E1E861708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1" name="Slide Number Placeholder 8" hidden="1">
            <a:extLst>
              <a:ext uri="{FF2B5EF4-FFF2-40B4-BE49-F238E27FC236}">
                <a16:creationId xmlns:a16="http://schemas.microsoft.com/office/drawing/2014/main" id="{F946E5BE-4F3F-9AFB-649F-77688E2D881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D395918-A70B-8865-A2E7-130CE3ED9ED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5" t="9372" r="-2" b="6249"/>
          <a:stretch/>
        </p:blipFill>
        <p:spPr>
          <a:xfrm>
            <a:off x="-1509" y="0"/>
            <a:ext cx="12193509" cy="6858000"/>
          </a:xfrm>
          <a:prstGeom prst="rect">
            <a:avLst/>
          </a:prstGeom>
        </p:spPr>
      </p:pic>
      <p:sp>
        <p:nvSpPr>
          <p:cNvPr id="3" name="Ellipse 2">
            <a:extLst>
              <a:ext uri="{FF2B5EF4-FFF2-40B4-BE49-F238E27FC236}">
                <a16:creationId xmlns:a16="http://schemas.microsoft.com/office/drawing/2014/main" id="{10A17E8F-20A3-6F9E-15A3-6B8EE86DCA1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2EFC1BAB-C56C-304E-EAF8-CB742D9ADE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510" y="-4"/>
            <a:ext cx="12192000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900000" anchor="ctr" anchorCtr="0">
            <a:noAutofit/>
          </a:bodyPr>
          <a:lstStyle>
            <a:lvl1pPr marL="0" indent="0" algn="ctr">
              <a:buNone/>
              <a:defRPr sz="22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796825477" name="Logoimage" descr="{&quot;templafy&quot;:{&quot;id&quot;:&quot;aaad4e4f-0519-4a85-a160-5d79612787f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168CBB00-DBDA-4CD8-9C6E-1AFB11208C1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26488777" name="Logoimage" descr="{&quot;templafy&quot;:{&quot;id&quot;:&quot;52897db3-a9eb-4f0a-85fe-30df6e7e1c5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135614503" name="ExtralogoBottomimage" descr="{&quot;templafy&quot;:{&quot;id&quot;:&quot;329321ef-d1fe-4f35-9795-fc530ae2cf6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196682390" name="ExtralogoTopimage" descr="{&quot;templafy&quot;:{&quot;id&quot;:&quot;6f826eb7-b614-405f-87ca-42f5a9812cd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2e08cefa-bf5b-49da-b277-ff629d208c68&quot;}}">
            <a:extLst>
              <a:ext uri="{FF2B5EF4-FFF2-40B4-BE49-F238E27FC236}">
                <a16:creationId xmlns:a16="http://schemas.microsoft.com/office/drawing/2014/main" id="{E7FAE951-1CCE-D044-A5E5-E865BF1444B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1" name="Titel" descr="{&quot;templafy&quot;:{&quot;id&quot;:&quot;a14bee01-a999-4e9f-996a-f1ee6d87e2af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7a8c7994-34d1-4779-9be4-53d31353aaae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3" name="Dato" descr="{&quot;templafy&quot;:{&quot;id&quot;:&quot;8f3a7c45-28ee-45b5-99fe-cb9f2ff1f8cb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CenterFreeText" descr="{&quot;templafy&quot;:{&quot;id&quot;:&quot;cd867bbe-7f11-4938-8b72-056267aa3407&quot;}}">
            <a:extLst>
              <a:ext uri="{FF2B5EF4-FFF2-40B4-BE49-F238E27FC236}">
                <a16:creationId xmlns:a16="http://schemas.microsoft.com/office/drawing/2014/main" id="{97D6EBDB-D75D-D78D-8228-03EA9D94DB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6549a26a-f275-4336-97f1-1b9be3dfd061&quot;}}" hidden="1">
            <a:extLst>
              <a:ext uri="{FF2B5EF4-FFF2-40B4-BE49-F238E27FC236}">
                <a16:creationId xmlns:a16="http://schemas.microsoft.com/office/drawing/2014/main" id="{2BAA6C32-C9DF-985E-2528-F4E04E95042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90800"/>
            <a:ext cx="10371275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61CD4B-05ED-D2F2-74A7-8BA4A38C2A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853338673" name="Logoimage" descr="{&quot;templafy&quot;:{&quot;id&quot;:&quot;14c71f94-58f8-4e1c-9c40-865fab9216f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679939479" name="ExtralogoBottomimage" descr="{&quot;templafy&quot;:{&quot;id&quot;:&quot;bc9f2d6e-11f1-4cd2-afb5-6205cf6c744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059032276" name="ExtralogoTopimage" descr="{&quot;templafy&quot;:{&quot;id&quot;:&quot;d9022d31-1773-479f-bb06-4f1361810f5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49f1ce18-f3ae-488f-a358-bb389e8e5965&quot;}}">
            <a:extLst>
              <a:ext uri="{FF2B5EF4-FFF2-40B4-BE49-F238E27FC236}">
                <a16:creationId xmlns:a16="http://schemas.microsoft.com/office/drawing/2014/main" id="{0FB369D3-9BCD-F2DA-658F-22E8E2B2622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23" name="Titel" descr="{&quot;templafy&quot;:{&quot;id&quot;:&quot;90a94f5d-7c8b-4b89-921b-a228c933a5c2&quot;}}">
            <a:extLst>
              <a:ext uri="{FF2B5EF4-FFF2-40B4-BE49-F238E27FC236}">
                <a16:creationId xmlns:a16="http://schemas.microsoft.com/office/drawing/2014/main" id="{294AE339-9C4F-DEC4-D1F6-DB15781A718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24" name="Navn" descr="{&quot;templafy&quot;:{&quot;id&quot;:&quot;169fd2e3-cd41-4654-b7f1-944106f6f25e&quot;}}">
            <a:extLst>
              <a:ext uri="{FF2B5EF4-FFF2-40B4-BE49-F238E27FC236}">
                <a16:creationId xmlns:a16="http://schemas.microsoft.com/office/drawing/2014/main" id="{C17B2358-47B8-DC9E-82CB-0042E1B89A0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25" name="Dato" descr="{&quot;templafy&quot;:{&quot;id&quot;:&quot;b83cf1d0-1375-42de-be25-5e5173b35adf&quot;}}">
            <a:extLst>
              <a:ext uri="{FF2B5EF4-FFF2-40B4-BE49-F238E27FC236}">
                <a16:creationId xmlns:a16="http://schemas.microsoft.com/office/drawing/2014/main" id="{DB0E60C3-DDB9-3C1B-73C8-71C0224F67D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CenterFreeText" descr="{&quot;templafy&quot;:{&quot;id&quot;:&quot;626e2fff-0abb-4989-bc33-c9941c738af1&quot;}}">
            <a:extLst>
              <a:ext uri="{FF2B5EF4-FFF2-40B4-BE49-F238E27FC236}">
                <a16:creationId xmlns:a16="http://schemas.microsoft.com/office/drawing/2014/main" id="{75808C1F-B29E-DCAE-F288-DEDEA777B2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fe280121-64ea-466d-8678-92e6a52d12db&quot;}}" hidden="1">
            <a:extLst>
              <a:ext uri="{FF2B5EF4-FFF2-40B4-BE49-F238E27FC236}">
                <a16:creationId xmlns:a16="http://schemas.microsoft.com/office/drawing/2014/main" id="{18229CC5-A723-9F91-A1BA-14078A282E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8E005D95-5BE7-44A6-9245-79D170D3E0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4DB57367-B34F-4F3D-9CB4-5407F22CD54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522E1F5-E5BA-C8B4-49A0-F3BCCB1FEF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47490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tekstspalter - farvet baggrund">
    <p:bg>
      <p:bgPr>
        <a:solidFill>
          <a:schemeClr val="accent4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CADD77DC-6DD3-5A31-B6F3-E13FFBB592E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079986958" name="Logoimage" descr="{&quot;templafy&quot;:{&quot;id&quot;:&quot;abb67a12-df95-431d-8452-1d4e355d8fd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27" name="Titel" descr="{&quot;templafy&quot;:{&quot;id&quot;:&quot;886a0ee6-e5ac-407e-958d-7069c6348349&quot;}}" hidden="1">
            <a:extLst>
              <a:ext uri="{FF2B5EF4-FFF2-40B4-BE49-F238E27FC236}">
                <a16:creationId xmlns:a16="http://schemas.microsoft.com/office/drawing/2014/main" id="{DC35E46B-5B16-BEA1-B3B1-7E8460BC0C6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8" name="Dato" descr="{&quot;templafy&quot;:{&quot;id&quot;:&quot;b5ec62b9-3bb8-4c55-9840-0770fd1e5aab&quot;}}" hidden="1">
            <a:extLst>
              <a:ext uri="{FF2B5EF4-FFF2-40B4-BE49-F238E27FC236}">
                <a16:creationId xmlns:a16="http://schemas.microsoft.com/office/drawing/2014/main" id="{1965E611-DD8D-33B8-5E0B-64588099E32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9" name="Navn" descr="{&quot;templafy&quot;:{&quot;id&quot;:&quot;38ea616a-297b-437c-8642-2da755cbe247&quot;}}">
            <a:extLst>
              <a:ext uri="{FF2B5EF4-FFF2-40B4-BE49-F238E27FC236}">
                <a16:creationId xmlns:a16="http://schemas.microsoft.com/office/drawing/2014/main" id="{0DBE8C23-E89E-0D1C-692A-30291DD521F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3" name="Virksomhed" descr="{&quot;templafy&quot;:{&quot;id&quot;:&quot;d0cdebd7-e2bd-4048-af9b-dd0a863f7e89&quot;}}">
            <a:extLst>
              <a:ext uri="{FF2B5EF4-FFF2-40B4-BE49-F238E27FC236}">
                <a16:creationId xmlns:a16="http://schemas.microsoft.com/office/drawing/2014/main" id="{E305AAB3-E75B-97BF-1BD8-75AD4040EFB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Hvidovre Hospital</a:t>
            </a:r>
          </a:p>
        </p:txBody>
      </p:sp>
      <p:pic>
        <p:nvPicPr>
          <p:cNvPr id="539179579" name="ExtraBottomlogoimage" descr="{&quot;templafy&quot;:{&quot;id&quot;:&quot;28850e71-6659-4439-8ec1-1dbc6e3053a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058366054" name="ExtraToplogoimage" descr="{&quot;templafy&quot;:{&quot;id&quot;:&quot;73b1a7a8-7249-4425-bd4a-50b2572d624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3f5f0993-c674-4621-a356-0ab75659e01a&quot;}}">
            <a:extLst>
              <a:ext uri="{FF2B5EF4-FFF2-40B4-BE49-F238E27FC236}">
                <a16:creationId xmlns:a16="http://schemas.microsoft.com/office/drawing/2014/main" id="{F8137F2A-7601-FAA5-A638-441CAC43DB3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tx1"/>
              </a:solidFill>
            </a:endParaRPr>
          </a:p>
        </p:txBody>
      </p:sp>
      <p:sp>
        <p:nvSpPr>
          <p:cNvPr id="16" name="Center" descr="{&quot;templafy&quot;:{&quot;id&quot;:&quot;3801a26d-fb85-4c22-b2b2-f63c40ed7311&quot;}}" hidden="1">
            <a:extLst>
              <a:ext uri="{FF2B5EF4-FFF2-40B4-BE49-F238E27FC236}">
                <a16:creationId xmlns:a16="http://schemas.microsoft.com/office/drawing/2014/main" id="{6100CD99-E73A-912B-FF74-E4FB4E3AAD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871200"/>
            <a:ext cx="10371275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BCD7A2D-C528-09F0-20C5-6287C49DCE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DD26BB76-CA51-E5DD-A255-A0A0A31F461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7" name="Pladsholder til indhold 3">
            <a:extLst>
              <a:ext uri="{FF2B5EF4-FFF2-40B4-BE49-F238E27FC236}">
                <a16:creationId xmlns:a16="http://schemas.microsoft.com/office/drawing/2014/main" id="{2E634F80-6FE3-DF62-8CD8-2DC2559A16C8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00613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</p:spTree>
    <p:extLst>
      <p:ext uri="{BB962C8B-B14F-4D97-AF65-F5344CB8AC3E}">
        <p14:creationId xmlns:p14="http://schemas.microsoft.com/office/powerpoint/2010/main" val="32096715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 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109600542" name="Logoimage" descr="{&quot;templafy&quot;:{&quot;id&quot;:&quot;e1ccaedf-a3a2-447b-871e-5974b9be224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50119739" name="ExtralogoBottomimage" descr="{&quot;templafy&quot;:{&quot;id&quot;:&quot;221898ac-a8d2-461a-86e7-0f0852a52de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116078790" name="ExtralogoTopimage" descr="{&quot;templafy&quot;:{&quot;id&quot;:&quot;95e90076-7f33-40b4-8395-336c0c5a310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4a5a3ed1-271a-450b-9245-6e48b092aeb0&quot;}}">
            <a:extLst>
              <a:ext uri="{FF2B5EF4-FFF2-40B4-BE49-F238E27FC236}">
                <a16:creationId xmlns:a16="http://schemas.microsoft.com/office/drawing/2014/main" id="{DF71BBB0-C73F-872B-2579-3887B40AC69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0" name="Titel" descr="{&quot;templafy&quot;:{&quot;id&quot;:&quot;3d658830-038b-4966-a009-903b5a2d9638&quot;}}">
            <a:extLst>
              <a:ext uri="{FF2B5EF4-FFF2-40B4-BE49-F238E27FC236}">
                <a16:creationId xmlns:a16="http://schemas.microsoft.com/office/drawing/2014/main" id="{E011F6EF-9285-EE1F-E3AE-A25E66535DB6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dc7c2048-de1a-4db3-93fe-925803bb3ed9&quot;}}">
            <a:extLst>
              <a:ext uri="{FF2B5EF4-FFF2-40B4-BE49-F238E27FC236}">
                <a16:creationId xmlns:a16="http://schemas.microsoft.com/office/drawing/2014/main" id="{19597770-8C61-6EDD-1A3F-60F7871D65F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2" name="Dato" descr="{&quot;templafy&quot;:{&quot;id&quot;:&quot;2b2b9ad6-fe96-4a4a-bd45-9339902715a7&quot;}}">
            <a:extLst>
              <a:ext uri="{FF2B5EF4-FFF2-40B4-BE49-F238E27FC236}">
                <a16:creationId xmlns:a16="http://schemas.microsoft.com/office/drawing/2014/main" id="{36B6A311-0DEE-D2F6-45DE-AD5FCB8DC9F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2e9ca3df-044f-44ee-8f37-bd4afbe373bc&quot;}}">
            <a:extLst>
              <a:ext uri="{FF2B5EF4-FFF2-40B4-BE49-F238E27FC236}">
                <a16:creationId xmlns:a16="http://schemas.microsoft.com/office/drawing/2014/main" id="{20904CD1-6F68-5B4E-E10A-CB381C30BFD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4" name="Center" descr="{&quot;templafy&quot;:{&quot;id&quot;:&quot;5e17f733-f038-4516-ba4c-c5108f5293f2&quot;}}" hidden="1">
            <a:extLst>
              <a:ext uri="{FF2B5EF4-FFF2-40B4-BE49-F238E27FC236}">
                <a16:creationId xmlns:a16="http://schemas.microsoft.com/office/drawing/2014/main" id="{F65B4CA0-F756-7944-D523-961E83DA5E1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5005388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27126" y="1990800"/>
            <a:ext cx="5005388" cy="3708000"/>
          </a:xfrm>
        </p:spPr>
        <p:txBody>
          <a:bodyPr/>
          <a:lstStyle>
            <a:lvl1pPr marL="270000" indent="-270000">
              <a:defRPr baseline="0">
                <a:solidFill>
                  <a:schemeClr val="tx1"/>
                </a:solidFill>
              </a:defRPr>
            </a:lvl1pPr>
            <a:lvl2pPr marL="630000" indent="-270000">
              <a:defRPr>
                <a:solidFill>
                  <a:schemeClr val="tx1"/>
                </a:solidFill>
              </a:defRPr>
            </a:lvl2pPr>
            <a:lvl3pPr marL="936000" indent="-234000">
              <a:defRPr>
                <a:solidFill>
                  <a:schemeClr val="tx1"/>
                </a:solidFill>
              </a:defRPr>
            </a:lvl3pPr>
            <a:lvl4pPr marL="1296000" indent="-216000">
              <a:defRPr>
                <a:solidFill>
                  <a:schemeClr val="tx1"/>
                </a:solidFill>
              </a:defRPr>
            </a:lvl4pPr>
            <a:lvl5pPr marL="1656000" indent="-216000">
              <a:defRPr>
                <a:solidFill>
                  <a:schemeClr val="tx1"/>
                </a:solidFill>
              </a:defRPr>
            </a:lvl5pPr>
            <a:lvl6pPr marL="1818000" indent="0">
              <a:buNone/>
              <a:defRPr>
                <a:solidFill>
                  <a:schemeClr val="tx1"/>
                </a:solidFill>
              </a:defRPr>
            </a:lvl6pPr>
            <a:lvl7pPr marL="2178000" indent="0">
              <a:buNone/>
              <a:defRPr>
                <a:solidFill>
                  <a:schemeClr val="tx1"/>
                </a:solidFill>
              </a:defRPr>
            </a:lvl7pPr>
            <a:lvl8pPr marL="2538000" indent="0">
              <a:buNone/>
              <a:defRPr>
                <a:solidFill>
                  <a:schemeClr val="tx1"/>
                </a:solidFill>
              </a:defRPr>
            </a:lvl8pPr>
            <a:lvl9pPr marL="2538000" indent="0"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8"/>
            <a:endParaRPr lang="da-DK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900000" bIns="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0D91626-5CE5-262B-2D03-BBA2C05D877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151190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2069782088" name="Logoimage" descr="{&quot;templafy&quot;:{&quot;id&quot;:&quot;e357358c-bbc4-4bf8-8df4-00802907ca4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738945232" name="ExtralogoTopimage" descr="{&quot;templafy&quot;:{&quot;id&quot;:&quot;abd1d7c0-b7e5-4e70-ba20-a29aa166a20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372513863" name="ExtralogoBottomimage" descr="{&quot;templafy&quot;:{&quot;id&quot;:&quot;4a4138bd-8613-429b-8b91-ebbe9c03c66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8" name="Virksomhed" descr="{&quot;templafy&quot;:{&quot;id&quot;:&quot;324899e8-2724-4cb9-b0cd-0c93fc512e53&quot;}}">
            <a:extLst>
              <a:ext uri="{FF2B5EF4-FFF2-40B4-BE49-F238E27FC236}">
                <a16:creationId xmlns:a16="http://schemas.microsoft.com/office/drawing/2014/main" id="{B392F202-0E27-8777-890A-4BCF8094921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2" name="Titel" descr="{&quot;templafy&quot;:{&quot;id&quot;:&quot;d2245f17-6ad2-4454-9804-b2358768f7d6&quot;}}">
            <a:extLst>
              <a:ext uri="{FF2B5EF4-FFF2-40B4-BE49-F238E27FC236}">
                <a16:creationId xmlns:a16="http://schemas.microsoft.com/office/drawing/2014/main" id="{651D6CA8-B6F1-3799-7F00-8456219A908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44d771a1-af7b-4895-a8da-eb40017340d6&quot;}}">
            <a:extLst>
              <a:ext uri="{FF2B5EF4-FFF2-40B4-BE49-F238E27FC236}">
                <a16:creationId xmlns:a16="http://schemas.microsoft.com/office/drawing/2014/main" id="{2339CBE2-F71F-132D-7F48-32D3BF8CA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4" name="Dato" descr="{&quot;templafy&quot;:{&quot;id&quot;:&quot;8b75272f-e33f-4261-a3ef-21d7595e1c34&quot;}}">
            <a:extLst>
              <a:ext uri="{FF2B5EF4-FFF2-40B4-BE49-F238E27FC236}">
                <a16:creationId xmlns:a16="http://schemas.microsoft.com/office/drawing/2014/main" id="{968B9867-07C7-D56E-45C2-24AA50BFB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5" name="CenterFreeText" descr="{&quot;templafy&quot;:{&quot;id&quot;:&quot;ba46fa69-1600-41e1-bbe2-5a396443551a&quot;}}">
            <a:extLst>
              <a:ext uri="{FF2B5EF4-FFF2-40B4-BE49-F238E27FC236}">
                <a16:creationId xmlns:a16="http://schemas.microsoft.com/office/drawing/2014/main" id="{E0B57D99-E147-D482-C490-B5FEAD622B1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6" name="Center" descr="{&quot;templafy&quot;:{&quot;id&quot;:&quot;e808ab32-3af5-4ca1-8c9e-08676ca08c4e&quot;}}" hidden="1">
            <a:extLst>
              <a:ext uri="{FF2B5EF4-FFF2-40B4-BE49-F238E27FC236}">
                <a16:creationId xmlns:a16="http://schemas.microsoft.com/office/drawing/2014/main" id="{4ECF457C-BCB3-A46C-26AB-05547CA4F54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699200"/>
            <a:ext cx="10371275" cy="828000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27126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27125" y="3747600"/>
            <a:ext cx="500400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58E4D84-1001-18C0-92D5-2BCBD8903E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750934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470962496" name="ExtralogoTopimage" descr="{&quot;templafy&quot;:{&quot;id&quot;:&quot;1a5a515d-b35e-480d-93ac-f22029f6355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162271115" name="ExtralogoBottomimage" descr="{&quot;templafy&quot;:{&quot;id&quot;:&quot;75e92886-1c3e-4513-a558-4d7f8fad2d5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0" name="Titel" descr="{&quot;templafy&quot;:{&quot;id&quot;:&quot;dac07330-50f4-464b-b0d4-34a0dda4dbc9&quot;}}">
            <a:extLst>
              <a:ext uri="{FF2B5EF4-FFF2-40B4-BE49-F238E27FC236}">
                <a16:creationId xmlns:a16="http://schemas.microsoft.com/office/drawing/2014/main" id="{5233E184-459D-75ED-9991-496EA25C2E6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9d9a466d-7aff-4ebc-a9ff-ffef3684cfa3&quot;}}">
            <a:extLst>
              <a:ext uri="{FF2B5EF4-FFF2-40B4-BE49-F238E27FC236}">
                <a16:creationId xmlns:a16="http://schemas.microsoft.com/office/drawing/2014/main" id="{00617ADF-C1D2-1B95-D51C-4DB7A2A7431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2" name="Dato" descr="{&quot;templafy&quot;:{&quot;id&quot;:&quot;d7c0f5b1-b642-4ee2-87f9-033c809f68b6&quot;}}">
            <a:extLst>
              <a:ext uri="{FF2B5EF4-FFF2-40B4-BE49-F238E27FC236}">
                <a16:creationId xmlns:a16="http://schemas.microsoft.com/office/drawing/2014/main" id="{C6DE31FA-BAC9-F5B8-A779-A0015AD37F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6CAB180-EBD6-93D3-6B28-93036C5B97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700991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Slide Number Placeholder 6">
            <a:extLst>
              <a:ext uri="{FF2B5EF4-FFF2-40B4-BE49-F238E27FC236}">
                <a16:creationId xmlns:a16="http://schemas.microsoft.com/office/drawing/2014/main" id="{83F8E170-69DF-4972-9F60-F68F14D60D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611202904" name="ExtralogoBottomimage" descr="{&quot;templafy&quot;:{&quot;id&quot;:&quot;293d0fd8-74e4-44ef-883f-8b668980f49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2081393360" name="ExtralogoTopimage" descr="{&quot;templafy&quot;:{&quot;id&quot;:&quot;26d0add7-952c-4f63-a449-9cd9b554b98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55be1d24-c2e4-42b7-93e9-2d47fbdfdf6d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3542c265-cb3b-4e5a-9994-77bee225756d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3" name="Dato" descr="{&quot;templafy&quot;:{&quot;id&quot;:&quot;8fac22e4-d95a-47d5-9c7f-c6878495c4e2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807949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">
            <a:extLst>
              <a:ext uri="{FF2B5EF4-FFF2-40B4-BE49-F238E27FC236}">
                <a16:creationId xmlns:a16="http://schemas.microsoft.com/office/drawing/2014/main" id="{30FDFCA5-769A-03D9-8D57-051DA19D2F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10" name="Dato">
            <a:extLst>
              <a:ext uri="{FF2B5EF4-FFF2-40B4-BE49-F238E27FC236}">
                <a16:creationId xmlns:a16="http://schemas.microsoft.com/office/drawing/2014/main" id="{1E512A54-83E1-61C2-C416-D88B731530A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pic>
        <p:nvPicPr>
          <p:cNvPr id="949047500" name="Logoimage" descr="{&quot;templafy&quot;:{&quot;id&quot;:&quot;921dcf68-376d-4e16-8204-33d38d14bff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343567934" name="ExtralogoBottomimage" descr="{&quot;templafy&quot;:{&quot;id&quot;:&quot;44132f99-4b0c-4c3d-a403-c9ed1b4f9e7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874846840" name="ExtralogoTopimage" descr="{&quot;templafy&quot;:{&quot;id&quot;:&quot;0c91693a-b046-41cf-9043-4e9a9ad21c6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a83f2e2b-b099-49df-ab01-125e430320e0&quot;}}">
            <a:extLst>
              <a:ext uri="{FF2B5EF4-FFF2-40B4-BE49-F238E27FC236}">
                <a16:creationId xmlns:a16="http://schemas.microsoft.com/office/drawing/2014/main" id="{4C8B9C52-5E61-26E2-7752-AA8ECBDB6F34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8d4c1067-1d96-4332-9f9d-5997fc97966f&quot;}}">
            <a:extLst>
              <a:ext uri="{FF2B5EF4-FFF2-40B4-BE49-F238E27FC236}">
                <a16:creationId xmlns:a16="http://schemas.microsoft.com/office/drawing/2014/main" id="{D259977B-E08A-8DF3-6E8E-7C57AFD486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3" name="Dato" descr="{&quot;templafy&quot;:{&quot;id&quot;:&quot;67a923e0-e85b-49a1-a44a-19b0d94a9353&quot;}}">
            <a:extLst>
              <a:ext uri="{FF2B5EF4-FFF2-40B4-BE49-F238E27FC236}">
                <a16:creationId xmlns:a16="http://schemas.microsoft.com/office/drawing/2014/main" id="{6FFEEA08-0860-E6BC-452F-1A5E74ED0CB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CenterFreeText" descr="{&quot;templafy&quot;:{&quot;id&quot;:&quot;e11f980f-6468-4817-918c-2eef9af55996&quot;}}">
            <a:extLst>
              <a:ext uri="{FF2B5EF4-FFF2-40B4-BE49-F238E27FC236}">
                <a16:creationId xmlns:a16="http://schemas.microsoft.com/office/drawing/2014/main" id="{907DF260-024D-3D30-B302-DFEBAA33423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4" name="Center" descr="{&quot;templafy&quot;:{&quot;id&quot;:&quot;edd1b46c-5df3-430a-b837-c5061775983d&quot;}}" hidden="1">
            <a:extLst>
              <a:ext uri="{FF2B5EF4-FFF2-40B4-BE49-F238E27FC236}">
                <a16:creationId xmlns:a16="http://schemas.microsoft.com/office/drawing/2014/main" id="{6D6FD68E-FB65-4475-5C37-6433AF7062A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5" name="Virksomhed" descr="{&quot;templafy&quot;:{&quot;id&quot;:&quot;8efcaa86-a907-492e-a539-9933298dd1d0&quot;}}">
            <a:extLst>
              <a:ext uri="{FF2B5EF4-FFF2-40B4-BE49-F238E27FC236}">
                <a16:creationId xmlns:a16="http://schemas.microsoft.com/office/drawing/2014/main" id="{AE40CD7D-1680-5D21-FB55-DCF9B78C0C7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3B42D70-D59C-2FA4-CA43-5543710295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835854"/>
            <a:ext cx="12192000" cy="3545147"/>
          </a:xfrm>
          <a:prstGeom prst="rect">
            <a:avLst/>
          </a:prstGeom>
        </p:spPr>
      </p:pic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4669163"/>
            <a:ext cx="10371275" cy="1028375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8" name="Pladsholder til billede 5">
            <a:extLst>
              <a:ext uri="{FF2B5EF4-FFF2-40B4-BE49-F238E27FC236}">
                <a16:creationId xmlns:a16="http://schemas.microsoft.com/office/drawing/2014/main" id="{8737F8AC-7DB9-0C6B-6F24-28C5D7ADB4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36545"/>
            <a:ext cx="12192000" cy="3546956"/>
          </a:xfrm>
        </p:spPr>
        <p:txBody>
          <a:bodyPr tIns="900000" anchor="ctr" anchorCtr="1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E12B3B7B-B901-C646-1EEB-3968748BD9B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7265749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B236D090-1AED-FE30-8ECA-B75697EC196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Footer Placeholder 11" hidden="1">
            <a:extLst>
              <a:ext uri="{FF2B5EF4-FFF2-40B4-BE49-F238E27FC236}">
                <a16:creationId xmlns:a16="http://schemas.microsoft.com/office/drawing/2014/main" id="{D06444A1-D846-C801-1843-B5D3769FBEE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9" name="Farvet kant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33496555" name="Logoimage" descr="{&quot;templafy&quot;:{&quot;id&quot;:&quot;c0a46cb7-3a3d-40c4-88bd-f8ed5cf809b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4" name="Titel" descr="{&quot;templafy&quot;:{&quot;id&quot;:&quot;7a683601-1329-4700-862e-3c0315b6fe59&quot;}}" hidden="1">
            <a:extLst>
              <a:ext uri="{FF2B5EF4-FFF2-40B4-BE49-F238E27FC236}">
                <a16:creationId xmlns:a16="http://schemas.microsoft.com/office/drawing/2014/main" id="{76512CF4-BF41-F878-4AAA-1CD07FB8E9CD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5" name="Dato" descr="{&quot;templafy&quot;:{&quot;id&quot;:&quot;7affec9c-bd2f-4c65-a78e-cca306b6993c&quot;}}">
            <a:extLst>
              <a:ext uri="{FF2B5EF4-FFF2-40B4-BE49-F238E27FC236}">
                <a16:creationId xmlns:a16="http://schemas.microsoft.com/office/drawing/2014/main" id="{AA55FE5E-CA9B-0130-05F9-DC39BF489F6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6" name="Navn" descr="{&quot;templafy&quot;:{&quot;id&quot;:&quot;bb2bfa35-3ac0-4cfb-8017-78498f4781df&quot;}}" hidden="1">
            <a:extLst>
              <a:ext uri="{FF2B5EF4-FFF2-40B4-BE49-F238E27FC236}">
                <a16:creationId xmlns:a16="http://schemas.microsoft.com/office/drawing/2014/main" id="{871D484B-A7F1-FB5E-C79E-EB5EA1C1B1E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0" name="Virksomhed" descr="{&quot;templafy&quot;:{&quot;id&quot;:&quot;8f9f0753-a3f8-4ad3-b87a-c691e470d2bc&quot;}}">
            <a:extLst>
              <a:ext uri="{FF2B5EF4-FFF2-40B4-BE49-F238E27FC236}">
                <a16:creationId xmlns:a16="http://schemas.microsoft.com/office/drawing/2014/main" id="{CA9892D4-D260-8880-0BEE-3406F50E120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486561050" name="ExtraBottomlogoimage" descr="{&quot;templafy&quot;:{&quot;id&quot;:&quot;82c5cee2-6968-46b0-a331-d59f723a94d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204163511" name="ExtraToplogoimage" descr="{&quot;templafy&quot;:{&quot;id&quot;:&quot;1c98ed92-0b14-4f38-856c-ac5c038fd58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4" name="CenterFreeText" descr="{&quot;templafy&quot;:{&quot;id&quot;:&quot;c74c8707-9b18-472d-9575-ea20d6ff6922&quot;}}">
            <a:extLst>
              <a:ext uri="{FF2B5EF4-FFF2-40B4-BE49-F238E27FC236}">
                <a16:creationId xmlns:a16="http://schemas.microsoft.com/office/drawing/2014/main" id="{02AE48E8-CD27-2FC0-C33C-06D71CE78E2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5" name="Center" descr="{&quot;templafy&quot;:{&quot;id&quot;:&quot;30506623-08ad-460f-853e-c4b0d9bbf728&quot;}}" hidden="1">
            <a:extLst>
              <a:ext uri="{FF2B5EF4-FFF2-40B4-BE49-F238E27FC236}">
                <a16:creationId xmlns:a16="http://schemas.microsoft.com/office/drawing/2014/main" id="{E0E9FEBE-C755-D89E-411A-D30858620F0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6800" y="1989138"/>
            <a:ext cx="10371600" cy="37084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CA0F2CE-EC78-968D-9CC0-543FEC9CCD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5809793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Rektangel 9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55" name="Titel" descr="{&quot;templafy&quot;:{&quot;id&quot;:&quot;609ff416-6e39-4f71-a3e4-74693255b89e&quot;}}">
            <a:extLst>
              <a:ext uri="{FF2B5EF4-FFF2-40B4-BE49-F238E27FC236}">
                <a16:creationId xmlns:a16="http://schemas.microsoft.com/office/drawing/2014/main" id="{26CCEE09-1940-4B84-AA3B-6C98936107D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62" name="Navn" descr="{&quot;templafy&quot;:{&quot;id&quot;:&quot;15c94bf5-86f5-4d3c-933e-20160571c41f&quot;}}" hidden="1">
            <a:extLst>
              <a:ext uri="{FF2B5EF4-FFF2-40B4-BE49-F238E27FC236}">
                <a16:creationId xmlns:a16="http://schemas.microsoft.com/office/drawing/2014/main" id="{584E896C-977D-4568-97B6-954C88A8675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63" name="Dato" descr="{&quot;templafy&quot;:{&quot;id&quot;:&quot;02afd61a-1894-4dec-8a8b-e627b6714dc3&quot;}}">
            <a:extLst>
              <a:ext uri="{FF2B5EF4-FFF2-40B4-BE49-F238E27FC236}">
                <a16:creationId xmlns:a16="http://schemas.microsoft.com/office/drawing/2014/main" id="{5220AF03-0BE4-493E-995B-2DC52BC26ED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 </a:t>
            </a:r>
          </a:p>
        </p:txBody>
      </p:sp>
      <p:sp>
        <p:nvSpPr>
          <p:cNvPr id="17" name="Virksomhed" descr="{&quot;templafy&quot;:{&quot;id&quot;:&quot;282eef90-ac41-47be-bf4d-d723cfa4e375&quot;}}">
            <a:extLst>
              <a:ext uri="{FF2B5EF4-FFF2-40B4-BE49-F238E27FC236}">
                <a16:creationId xmlns:a16="http://schemas.microsoft.com/office/drawing/2014/main" id="{AF1DDC1E-EB44-41C0-972F-24C6D8B6598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18" name="CenterFreeText" descr="{&quot;templafy&quot;:{&quot;id&quot;:&quot;a23e22be-8257-4279-8c8e-5687e05e0d7e&quot;}}">
            <a:extLst>
              <a:ext uri="{FF2B5EF4-FFF2-40B4-BE49-F238E27FC236}">
                <a16:creationId xmlns:a16="http://schemas.microsoft.com/office/drawing/2014/main" id="{D1B4B21F-4968-4852-A043-FFA88934D66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9" name="Center" descr="{&quot;templafy&quot;:{&quot;id&quot;:&quot;df7a96a4-698b-4143-91aa-02b940c2a706&quot;}}" hidden="1">
            <a:extLst>
              <a:ext uri="{FF2B5EF4-FFF2-40B4-BE49-F238E27FC236}">
                <a16:creationId xmlns:a16="http://schemas.microsoft.com/office/drawing/2014/main" id="{C6C8D8CA-5BC5-4028-8F39-6200B69828E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pic>
        <p:nvPicPr>
          <p:cNvPr id="874743183" name="Logoimage" descr="{&quot;templafy&quot;:{&quot;id&quot;:&quot;c5727c48-3967-444c-8d97-2057f77fba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166926790" name="ExtraBottomlogoimage" descr="{&quot;templafy&quot;:{&quot;id&quot;:&quot;82afde72-086e-42c3-bd3e-6f8fb59dbe7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365027765" name="ExtraToplogoimage" descr="{&quot;templafy&quot;:{&quot;id&quot;:&quot;f4fc681e-d036-4553-9420-8728f5840c9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1989138"/>
            <a:ext cx="10344675" cy="2160000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52000" y="4814967"/>
            <a:ext cx="10346400" cy="888504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1FE5477C-80FC-62DA-6A41-0943E3EC469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357980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Start med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F00BB212-D8D4-B929-0CFF-2D53F074439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07336983-16EB-C3B3-4A53-CA5A28D6F36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sp>
        <p:nvSpPr>
          <p:cNvPr id="36" name="Titel" descr="{&quot;templafy&quot;:{&quot;id&quot;:&quot;ed7ba81c-824b-485a-b17f-5caf625c803f&quot;}}" hidden="1">
            <a:extLst>
              <a:ext uri="{FF2B5EF4-FFF2-40B4-BE49-F238E27FC236}">
                <a16:creationId xmlns:a16="http://schemas.microsoft.com/office/drawing/2014/main" id="{419B8D28-E272-4D2B-85E0-D59E485D09D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39" name="Dato" descr="{&quot;templafy&quot;:{&quot;id&quot;:&quot;4fca278b-fc09-4023-9047-3bf5e63e6a8b&quot;}}">
            <a:extLst>
              <a:ext uri="{FF2B5EF4-FFF2-40B4-BE49-F238E27FC236}">
                <a16:creationId xmlns:a16="http://schemas.microsoft.com/office/drawing/2014/main" id="{7E183441-C0DC-44F9-B6BF-90FE6C73046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 </a:t>
            </a:r>
          </a:p>
        </p:txBody>
      </p:sp>
      <p:sp>
        <p:nvSpPr>
          <p:cNvPr id="2" name="Navn" descr="{&quot;templafy&quot;:{&quot;id&quot;:&quot;7d674054-c253-40eb-aa15-55bda89b5a5d&quot;}}" hidden="1">
            <a:extLst>
              <a:ext uri="{FF2B5EF4-FFF2-40B4-BE49-F238E27FC236}">
                <a16:creationId xmlns:a16="http://schemas.microsoft.com/office/drawing/2014/main" id="{59F71DE2-EB1E-3D44-E93B-2BCBF8A7A84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3" name="Virksomhed" descr="{&quot;templafy&quot;:{&quot;id&quot;:&quot;3f84cec8-c8b1-4d2e-8f83-b2f6bdffab1c&quot;}}">
            <a:extLst>
              <a:ext uri="{FF2B5EF4-FFF2-40B4-BE49-F238E27FC236}">
                <a16:creationId xmlns:a16="http://schemas.microsoft.com/office/drawing/2014/main" id="{BC04514C-1BCB-4CA4-A95F-3A213AB90E7E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644081838" name="Logoimage" descr="{&quot;templafy&quot;:{&quot;id&quot;:&quot;081e6f2c-24b1-4b97-a549-1db23bcdaf7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028896094" name="ExtraBottomlogoimage" descr="{&quot;templafy&quot;:{&quot;id&quot;:&quot;fc1a5a80-8ad8-4e79-b4c5-f622928f976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887278080" name="ExtraToplogoimage" descr="{&quot;templafy&quot;:{&quot;id&quot;:&quot;f23fc1cc-fc1d-4d3f-ba38-0bd5fe33376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4" name="CenterFreeText" descr="{&quot;templafy&quot;:{&quot;id&quot;:&quot;972cd185-2f1c-4013-aad6-f1b4f2652d35&quot;}}">
            <a:extLst>
              <a:ext uri="{FF2B5EF4-FFF2-40B4-BE49-F238E27FC236}">
                <a16:creationId xmlns:a16="http://schemas.microsoft.com/office/drawing/2014/main" id="{A13A3222-EC70-8D57-313F-B65AEA0D7C4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5" name="Center" descr="{&quot;templafy&quot;:{&quot;id&quot;:&quot;5376a8b3-6ddb-4213-843c-96814007f14c&quot;}}" hidden="1">
            <a:extLst>
              <a:ext uri="{FF2B5EF4-FFF2-40B4-BE49-F238E27FC236}">
                <a16:creationId xmlns:a16="http://schemas.microsoft.com/office/drawing/2014/main" id="{029E764C-45EF-2103-0BB7-DC81D8D936E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98FA3312-0C37-F328-1D10-3941AEE4C88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835854"/>
            <a:ext cx="12192000" cy="3545147"/>
          </a:xfrm>
          <a:prstGeom prst="rect">
            <a:avLst/>
          </a:prstGeom>
        </p:spPr>
      </p:pic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7F5B9C01-05DD-B6E6-55D8-620146BD1EE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36545"/>
            <a:ext cx="12192000" cy="3546956"/>
          </a:xfrm>
        </p:spPr>
        <p:txBody>
          <a:bodyPr tIns="900000" anchor="ctr" anchorCtr="1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4669163"/>
            <a:ext cx="10346400" cy="1028375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A4C7644-7757-9199-5C11-C50D8C566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9354017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B236D090-1AED-FE30-8ECA-B75697EC196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Footer Placeholder 11" hidden="1">
            <a:extLst>
              <a:ext uri="{FF2B5EF4-FFF2-40B4-BE49-F238E27FC236}">
                <a16:creationId xmlns:a16="http://schemas.microsoft.com/office/drawing/2014/main" id="{D06444A1-D846-C801-1843-B5D3769FBEE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9" name="Farvet kant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33496555" name="Logoimage" descr="{&quot;templafy&quot;:{&quot;id&quot;:&quot;c0a46cb7-3a3d-40c4-88bd-f8ed5cf809b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4" name="Titel" descr="{&quot;templafy&quot;:{&quot;id&quot;:&quot;7a683601-1329-4700-862e-3c0315b6fe59&quot;}}" hidden="1">
            <a:extLst>
              <a:ext uri="{FF2B5EF4-FFF2-40B4-BE49-F238E27FC236}">
                <a16:creationId xmlns:a16="http://schemas.microsoft.com/office/drawing/2014/main" id="{76512CF4-BF41-F878-4AAA-1CD07FB8E9CD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5" name="Dato" descr="{&quot;templafy&quot;:{&quot;id&quot;:&quot;7affec9c-bd2f-4c65-a78e-cca306b6993c&quot;}}">
            <a:extLst>
              <a:ext uri="{FF2B5EF4-FFF2-40B4-BE49-F238E27FC236}">
                <a16:creationId xmlns:a16="http://schemas.microsoft.com/office/drawing/2014/main" id="{AA55FE5E-CA9B-0130-05F9-DC39BF489F6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6" name="Navn" descr="{&quot;templafy&quot;:{&quot;id&quot;:&quot;bb2bfa35-3ac0-4cfb-8017-78498f4781df&quot;}}" hidden="1">
            <a:extLst>
              <a:ext uri="{FF2B5EF4-FFF2-40B4-BE49-F238E27FC236}">
                <a16:creationId xmlns:a16="http://schemas.microsoft.com/office/drawing/2014/main" id="{871D484B-A7F1-FB5E-C79E-EB5EA1C1B1E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0" name="Virksomhed" descr="{&quot;templafy&quot;:{&quot;id&quot;:&quot;8f9f0753-a3f8-4ad3-b87a-c691e470d2bc&quot;}}">
            <a:extLst>
              <a:ext uri="{FF2B5EF4-FFF2-40B4-BE49-F238E27FC236}">
                <a16:creationId xmlns:a16="http://schemas.microsoft.com/office/drawing/2014/main" id="{CA9892D4-D260-8880-0BEE-3406F50E120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486561050" name="ExtraBottomlogoimage" descr="{&quot;templafy&quot;:{&quot;id&quot;:&quot;82c5cee2-6968-46b0-a331-d59f723a94d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204163511" name="ExtraToplogoimage" descr="{&quot;templafy&quot;:{&quot;id&quot;:&quot;1c98ed92-0b14-4f38-856c-ac5c038fd58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4" name="CenterFreeText" descr="{&quot;templafy&quot;:{&quot;id&quot;:&quot;c74c8707-9b18-472d-9575-ea20d6ff6922&quot;}}">
            <a:extLst>
              <a:ext uri="{FF2B5EF4-FFF2-40B4-BE49-F238E27FC236}">
                <a16:creationId xmlns:a16="http://schemas.microsoft.com/office/drawing/2014/main" id="{02AE48E8-CD27-2FC0-C33C-06D71CE78E2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5" name="Center" descr="{&quot;templafy&quot;:{&quot;id&quot;:&quot;30506623-08ad-460f-853e-c4b0d9bbf728&quot;}}" hidden="1">
            <a:extLst>
              <a:ext uri="{FF2B5EF4-FFF2-40B4-BE49-F238E27FC236}">
                <a16:creationId xmlns:a16="http://schemas.microsoft.com/office/drawing/2014/main" id="{E0E9FEBE-C755-D89E-411A-D30858620F0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6800" y="1989138"/>
            <a:ext cx="10371600" cy="37084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CA0F2CE-EC78-968D-9CC0-543FEC9CCD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3363122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2" name="Farvet kant">
            <a:extLst>
              <a:ext uri="{FF2B5EF4-FFF2-40B4-BE49-F238E27FC236}">
                <a16:creationId xmlns:a16="http://schemas.microsoft.com/office/drawing/2014/main" id="{65887966-4CCE-471B-BD8A-22BDDF4D84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845526126" name="Logoimage" descr="{&quot;templafy&quot;:{&quot;id&quot;:&quot;a3514650-8ea7-4ff0-836d-d881e77782d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Titel" descr="{&quot;templafy&quot;:{&quot;id&quot;:&quot;30f64dcb-d6c2-4757-b131-f4d254976772&quot;}}" hidden="1">
            <a:extLst>
              <a:ext uri="{FF2B5EF4-FFF2-40B4-BE49-F238E27FC236}">
                <a16:creationId xmlns:a16="http://schemas.microsoft.com/office/drawing/2014/main" id="{64E4B7A2-2F0E-2BF1-2DE8-8126698E42A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6" name="Dato" descr="{&quot;templafy&quot;:{&quot;id&quot;:&quot;f046d607-efe8-4933-9115-12b8f45b54d9&quot;}}">
            <a:extLst>
              <a:ext uri="{FF2B5EF4-FFF2-40B4-BE49-F238E27FC236}">
                <a16:creationId xmlns:a16="http://schemas.microsoft.com/office/drawing/2014/main" id="{18AAFE3B-70A8-9CC3-E67A-6B244C3E46E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9" name="Navn" descr="{&quot;templafy&quot;:{&quot;id&quot;:&quot;d0f240df-aac2-49d0-bb09-889c17a54924&quot;}}" hidden="1">
            <a:extLst>
              <a:ext uri="{FF2B5EF4-FFF2-40B4-BE49-F238E27FC236}">
                <a16:creationId xmlns:a16="http://schemas.microsoft.com/office/drawing/2014/main" id="{32C7BEB0-B7EA-F667-7A7C-B41B834459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Virksomhed" descr="{&quot;templafy&quot;:{&quot;id&quot;:&quot;3da0ab5e-d871-46be-83f2-444540bf276a&quot;}}">
            <a:extLst>
              <a:ext uri="{FF2B5EF4-FFF2-40B4-BE49-F238E27FC236}">
                <a16:creationId xmlns:a16="http://schemas.microsoft.com/office/drawing/2014/main" id="{FF8AAB10-6E5E-5F92-7337-858674E62A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1708364133" name="ExtraBottomlogoimage" descr="{&quot;templafy&quot;:{&quot;id&quot;:&quot;80ee37e2-e1ad-47b1-97c0-8fa69e06700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538316331" name="ExtraToplogoimage" descr="{&quot;templafy&quot;:{&quot;id&quot;:&quot;c27f80a6-ebfa-4ece-a67f-bb8e929d2e2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6" name="CenterFreeText" descr="{&quot;templafy&quot;:{&quot;id&quot;:&quot;515ee904-ee08-4208-bf91-285318ad279f&quot;}}">
            <a:extLst>
              <a:ext uri="{FF2B5EF4-FFF2-40B4-BE49-F238E27FC236}">
                <a16:creationId xmlns:a16="http://schemas.microsoft.com/office/drawing/2014/main" id="{2CC08D06-D8CB-FB34-B018-369C05FCD29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7" name="Center" descr="{&quot;templafy&quot;:{&quot;id&quot;:&quot;96b094b5-0dab-4318-be39-a50e07e293fa&quot;}}" hidden="1">
            <a:extLst>
              <a:ext uri="{FF2B5EF4-FFF2-40B4-BE49-F238E27FC236}">
                <a16:creationId xmlns:a16="http://schemas.microsoft.com/office/drawing/2014/main" id="{97C0B8B7-F007-E537-833B-62CE9BF1B3B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103698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26799" y="1989138"/>
            <a:ext cx="5005387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8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2BF4872-3678-838B-9AA4-F35ED6744EE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95325777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2" name="Farvet kant">
            <a:extLst>
              <a:ext uri="{FF2B5EF4-FFF2-40B4-BE49-F238E27FC236}">
                <a16:creationId xmlns:a16="http://schemas.microsoft.com/office/drawing/2014/main" id="{65887966-4CCE-471B-BD8A-22BDDF4D84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92251540" name="Logoimage" descr="{&quot;templafy&quot;:{&quot;id&quot;:&quot;b28d1e2c-085f-4cd0-8068-b2bf907354a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Titel" descr="{&quot;templafy&quot;:{&quot;id&quot;:&quot;3a816fdf-b22d-4279-9f67-9103da4ec528&quot;}}" hidden="1">
            <a:extLst>
              <a:ext uri="{FF2B5EF4-FFF2-40B4-BE49-F238E27FC236}">
                <a16:creationId xmlns:a16="http://schemas.microsoft.com/office/drawing/2014/main" id="{64E4B7A2-2F0E-2BF1-2DE8-8126698E42A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6" name="Dato" descr="{&quot;templafy&quot;:{&quot;id&quot;:&quot;741b830c-db3e-42af-9526-e04a104e78fc&quot;}}">
            <a:extLst>
              <a:ext uri="{FF2B5EF4-FFF2-40B4-BE49-F238E27FC236}">
                <a16:creationId xmlns:a16="http://schemas.microsoft.com/office/drawing/2014/main" id="{18AAFE3B-70A8-9CC3-E67A-6B244C3E46E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9" name="Navn" descr="{&quot;templafy&quot;:{&quot;id&quot;:&quot;0ce62431-6323-4df5-9e68-9a9555ed2707&quot;}}" hidden="1">
            <a:extLst>
              <a:ext uri="{FF2B5EF4-FFF2-40B4-BE49-F238E27FC236}">
                <a16:creationId xmlns:a16="http://schemas.microsoft.com/office/drawing/2014/main" id="{32C7BEB0-B7EA-F667-7A7C-B41B834459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Virksomhed" descr="{&quot;templafy&quot;:{&quot;id&quot;:&quot;4978d4ab-fa4f-4d73-ad17-6feba43c7443&quot;}}">
            <a:extLst>
              <a:ext uri="{FF2B5EF4-FFF2-40B4-BE49-F238E27FC236}">
                <a16:creationId xmlns:a16="http://schemas.microsoft.com/office/drawing/2014/main" id="{FF8AAB10-6E5E-5F92-7337-858674E62A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820772919" name="ExtraBottomlogoimage" descr="{&quot;templafy&quot;:{&quot;id&quot;:&quot;320d1cf7-efca-4253-9823-7abbf6a6ecc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2005273898" name="ExtraToplogoimage" descr="{&quot;templafy&quot;:{&quot;id&quot;:&quot;e2371554-aede-4198-8754-466d455a794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6" name="CenterFreeText" descr="{&quot;templafy&quot;:{&quot;id&quot;:&quot;eb0482ea-4f94-42fe-803c-210f9fccb809&quot;}}">
            <a:extLst>
              <a:ext uri="{FF2B5EF4-FFF2-40B4-BE49-F238E27FC236}">
                <a16:creationId xmlns:a16="http://schemas.microsoft.com/office/drawing/2014/main" id="{2CC08D06-D8CB-FB34-B018-369C05FCD29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7" name="Center" descr="{&quot;templafy&quot;:{&quot;id&quot;:&quot;6cf944b0-958a-4dcd-acba-17b4e9600342&quot;}}" hidden="1">
            <a:extLst>
              <a:ext uri="{FF2B5EF4-FFF2-40B4-BE49-F238E27FC236}">
                <a16:creationId xmlns:a16="http://schemas.microsoft.com/office/drawing/2014/main" id="{97C0B8B7-F007-E537-833B-62CE9BF1B3B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103698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2BF4872-3678-838B-9AA4-F35ED6744EE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Pladsholder til indhold 2">
            <a:extLst>
              <a:ext uri="{FF2B5EF4-FFF2-40B4-BE49-F238E27FC236}">
                <a16:creationId xmlns:a16="http://schemas.microsoft.com/office/drawing/2014/main" id="{55BB4009-134A-1702-D0C0-09E40F41278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6" y="1989138"/>
            <a:ext cx="3214800" cy="3708400"/>
          </a:xfrm>
        </p:spPr>
        <p:txBody>
          <a:bodyPr vert="horz" lIns="0" tIns="0" rIns="0" bIns="0" rtlCol="0">
            <a:noAutofit/>
          </a:bodyPr>
          <a:lstStyle>
            <a:lvl1pPr marL="126000" indent="-126000">
              <a:buClrTx/>
              <a:defRPr lang="da-DK" sz="1800" noProof="0" dirty="0"/>
            </a:lvl1pPr>
            <a:lvl2pPr marL="450000" indent="-108000">
              <a:buClrTx/>
              <a:defRPr lang="da-DK" sz="1600" noProof="0" dirty="0"/>
            </a:lvl2pPr>
            <a:lvl3pPr marL="810000" indent="-108000">
              <a:buClrTx/>
              <a:defRPr lang="da-DK" sz="1400" noProof="0" dirty="0"/>
            </a:lvl3pPr>
            <a:lvl4pPr marL="1152000" indent="-90000">
              <a:buClrTx/>
              <a:defRPr lang="da-DK" sz="1200" noProof="0" dirty="0"/>
            </a:lvl4pPr>
            <a:lvl5pPr marL="1512000" indent="-90000">
              <a:buClrTx/>
              <a:defRPr lang="da-DK" sz="1000" noProof="0" dirty="0"/>
            </a:lvl5pPr>
            <a:lvl6pPr marL="1872000">
              <a:buClrTx/>
              <a:defRPr lang="da-DK" sz="1000" noProof="0" dirty="0"/>
            </a:lvl6pPr>
            <a:lvl7pPr marL="2232000">
              <a:buClrTx/>
              <a:defRPr lang="da-DK" sz="1000" noProof="0" dirty="0"/>
            </a:lvl7pPr>
            <a:lvl8pPr marL="2592000">
              <a:buClrTx/>
              <a:defRPr lang="da-DK" sz="1000" noProof="0" dirty="0"/>
            </a:lvl8pPr>
            <a:lvl9pPr marL="2952000">
              <a:buClrTx/>
              <a:defRPr lang="da-DK" sz="1000" noProof="0" dirty="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15" name="Pladsholder til indhold 3">
            <a:extLst>
              <a:ext uri="{FF2B5EF4-FFF2-40B4-BE49-F238E27FC236}">
                <a16:creationId xmlns:a16="http://schemas.microsoft.com/office/drawing/2014/main" id="{65AF6C47-EA91-6E9F-0B92-A71502805BB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705526" y="1989138"/>
            <a:ext cx="3214800" cy="37084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18" name="Pladsholder til indhold 4">
            <a:extLst>
              <a:ext uri="{FF2B5EF4-FFF2-40B4-BE49-F238E27FC236}">
                <a16:creationId xmlns:a16="http://schemas.microsoft.com/office/drawing/2014/main" id="{3D34503F-D2A0-EA78-7A50-1B48A2F91D1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83926" y="1989138"/>
            <a:ext cx="3214800" cy="37084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</p:spTree>
    <p:extLst>
      <p:ext uri="{BB962C8B-B14F-4D97-AF65-F5344CB8AC3E}">
        <p14:creationId xmlns:p14="http://schemas.microsoft.com/office/powerpoint/2010/main" val="260747427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2" name="Farvet kant">
            <a:extLst>
              <a:ext uri="{FF2B5EF4-FFF2-40B4-BE49-F238E27FC236}">
                <a16:creationId xmlns:a16="http://schemas.microsoft.com/office/drawing/2014/main" id="{65887966-4CCE-471B-BD8A-22BDDF4D84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305576686" name="Logoimage" descr="{&quot;templafy&quot;:{&quot;id&quot;:&quot;a5398087-a3ab-4deb-853a-f3c28163759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Titel" descr="{&quot;templafy&quot;:{&quot;id&quot;:&quot;1afb6636-2947-469c-b802-4db173d042f8&quot;}}" hidden="1">
            <a:extLst>
              <a:ext uri="{FF2B5EF4-FFF2-40B4-BE49-F238E27FC236}">
                <a16:creationId xmlns:a16="http://schemas.microsoft.com/office/drawing/2014/main" id="{64E4B7A2-2F0E-2BF1-2DE8-8126698E42A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6" name="Dato" descr="{&quot;templafy&quot;:{&quot;id&quot;:&quot;3d340934-638d-491e-9946-e4171e1e1ea3&quot;}}">
            <a:extLst>
              <a:ext uri="{FF2B5EF4-FFF2-40B4-BE49-F238E27FC236}">
                <a16:creationId xmlns:a16="http://schemas.microsoft.com/office/drawing/2014/main" id="{18AAFE3B-70A8-9CC3-E67A-6B244C3E46E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9" name="Navn" descr="{&quot;templafy&quot;:{&quot;id&quot;:&quot;f720ee5c-ee41-4378-aaa5-3e08b58f5933&quot;}}" hidden="1">
            <a:extLst>
              <a:ext uri="{FF2B5EF4-FFF2-40B4-BE49-F238E27FC236}">
                <a16:creationId xmlns:a16="http://schemas.microsoft.com/office/drawing/2014/main" id="{32C7BEB0-B7EA-F667-7A7C-B41B834459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Virksomhed" descr="{&quot;templafy&quot;:{&quot;id&quot;:&quot;0ca5392e-fbb7-448a-bd8e-222443d6a65d&quot;}}">
            <a:extLst>
              <a:ext uri="{FF2B5EF4-FFF2-40B4-BE49-F238E27FC236}">
                <a16:creationId xmlns:a16="http://schemas.microsoft.com/office/drawing/2014/main" id="{FF8AAB10-6E5E-5F92-7337-858674E62A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217580586" name="ExtraBottomlogoimage" descr="{&quot;templafy&quot;:{&quot;id&quot;:&quot;6600436c-e7bb-43d3-8c06-f01d500a2a1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645946021" name="ExtraToplogoimage" descr="{&quot;templafy&quot;:{&quot;id&quot;:&quot;8ad4e9d9-ac03-462e-8a8c-42611e74bfa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6" name="CenterFreeText" descr="{&quot;templafy&quot;:{&quot;id&quot;:&quot;830b4aa1-4e32-4f5c-82f8-8423cc4c4515&quot;}}">
            <a:extLst>
              <a:ext uri="{FF2B5EF4-FFF2-40B4-BE49-F238E27FC236}">
                <a16:creationId xmlns:a16="http://schemas.microsoft.com/office/drawing/2014/main" id="{2CC08D06-D8CB-FB34-B018-369C05FCD29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7" name="Center" descr="{&quot;templafy&quot;:{&quot;id&quot;:&quot;4e66f939-f2c5-4075-982d-45f249d2707a&quot;}}" hidden="1">
            <a:extLst>
              <a:ext uri="{FF2B5EF4-FFF2-40B4-BE49-F238E27FC236}">
                <a16:creationId xmlns:a16="http://schemas.microsoft.com/office/drawing/2014/main" id="{97C0B8B7-F007-E537-833B-62CE9BF1B3B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103698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2BF4872-3678-838B-9AA4-F35ED6744EE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Pladsholder til indhold 2">
            <a:extLst>
              <a:ext uri="{FF2B5EF4-FFF2-40B4-BE49-F238E27FC236}">
                <a16:creationId xmlns:a16="http://schemas.microsoft.com/office/drawing/2014/main" id="{31F01AF3-D2C2-1D19-38F4-1EB689916A2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1989137"/>
            <a:ext cx="2322000" cy="3708401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endParaRPr lang="da-DK" noProof="0" dirty="0"/>
          </a:p>
        </p:txBody>
      </p:sp>
      <p:sp>
        <p:nvSpPr>
          <p:cNvPr id="21" name="Pladsholder til indhold 3">
            <a:extLst>
              <a:ext uri="{FF2B5EF4-FFF2-40B4-BE49-F238E27FC236}">
                <a16:creationId xmlns:a16="http://schemas.microsoft.com/office/drawing/2014/main" id="{572C7D9B-2736-F759-389C-D9D8D8448B65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1989137"/>
            <a:ext cx="2322000" cy="3708401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endParaRPr lang="da-DK" noProof="0" dirty="0"/>
          </a:p>
        </p:txBody>
      </p:sp>
      <p:sp>
        <p:nvSpPr>
          <p:cNvPr id="23" name="Pladsholder til indhold 4">
            <a:extLst>
              <a:ext uri="{FF2B5EF4-FFF2-40B4-BE49-F238E27FC236}">
                <a16:creationId xmlns:a16="http://schemas.microsoft.com/office/drawing/2014/main" id="{F6346312-50E8-4B1C-9A9E-C3B5141A8B73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1989137"/>
            <a:ext cx="2322000" cy="3708401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3024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endParaRPr lang="da-DK" noProof="0" dirty="0"/>
          </a:p>
        </p:txBody>
      </p:sp>
      <p:sp>
        <p:nvSpPr>
          <p:cNvPr id="24" name="Pladsholder til indhold 5">
            <a:extLst>
              <a:ext uri="{FF2B5EF4-FFF2-40B4-BE49-F238E27FC236}">
                <a16:creationId xmlns:a16="http://schemas.microsoft.com/office/drawing/2014/main" id="{DF9A286C-94E2-3F68-108A-452AED2822D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1989137"/>
            <a:ext cx="2322000" cy="3708401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3341762659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spalter - foto &amp;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2" name="Farvet kant">
            <a:extLst>
              <a:ext uri="{FF2B5EF4-FFF2-40B4-BE49-F238E27FC236}">
                <a16:creationId xmlns:a16="http://schemas.microsoft.com/office/drawing/2014/main" id="{65887966-4CCE-471B-BD8A-22BDDF4D84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387186661" name="Logoimage" descr="{&quot;templafy&quot;:{&quot;id&quot;:&quot;69392548-7572-4c40-8ca4-5013a7c4056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Titel" descr="{&quot;templafy&quot;:{&quot;id&quot;:&quot;8a3c7744-7c6b-48bd-bb93-7178de41024e&quot;}}" hidden="1">
            <a:extLst>
              <a:ext uri="{FF2B5EF4-FFF2-40B4-BE49-F238E27FC236}">
                <a16:creationId xmlns:a16="http://schemas.microsoft.com/office/drawing/2014/main" id="{64E4B7A2-2F0E-2BF1-2DE8-8126698E42A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6" name="Dato" descr="{&quot;templafy&quot;:{&quot;id&quot;:&quot;99cbedaf-9eee-45fa-8e90-cd19018472c1&quot;}}">
            <a:extLst>
              <a:ext uri="{FF2B5EF4-FFF2-40B4-BE49-F238E27FC236}">
                <a16:creationId xmlns:a16="http://schemas.microsoft.com/office/drawing/2014/main" id="{18AAFE3B-70A8-9CC3-E67A-6B244C3E46E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9" name="Navn" descr="{&quot;templafy&quot;:{&quot;id&quot;:&quot;c80cb0d5-c255-45b1-ba35-dbe20676ef7e&quot;}}" hidden="1">
            <a:extLst>
              <a:ext uri="{FF2B5EF4-FFF2-40B4-BE49-F238E27FC236}">
                <a16:creationId xmlns:a16="http://schemas.microsoft.com/office/drawing/2014/main" id="{32C7BEB0-B7EA-F667-7A7C-B41B834459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Virksomhed" descr="{&quot;templafy&quot;:{&quot;id&quot;:&quot;c0afb16e-820d-4f00-a001-d17d15a233de&quot;}}">
            <a:extLst>
              <a:ext uri="{FF2B5EF4-FFF2-40B4-BE49-F238E27FC236}">
                <a16:creationId xmlns:a16="http://schemas.microsoft.com/office/drawing/2014/main" id="{FF8AAB10-6E5E-5F92-7337-858674E62A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128224927" name="ExtraBottomlogoimage" descr="{&quot;templafy&quot;:{&quot;id&quot;:&quot;cf582ff6-6ebd-40fc-9c0c-e6af33e21d0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499954288" name="ExtraToplogoimage" descr="{&quot;templafy&quot;:{&quot;id&quot;:&quot;52a41b9e-21e2-476d-bbd6-a9d8ab99b04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6" name="CenterFreeText" descr="{&quot;templafy&quot;:{&quot;id&quot;:&quot;021d4618-b256-4225-88de-24d45f6c8728&quot;}}">
            <a:extLst>
              <a:ext uri="{FF2B5EF4-FFF2-40B4-BE49-F238E27FC236}">
                <a16:creationId xmlns:a16="http://schemas.microsoft.com/office/drawing/2014/main" id="{2CC08D06-D8CB-FB34-B018-369C05FCD29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7" name="Center" descr="{&quot;templafy&quot;:{&quot;id&quot;:&quot;c454880a-0058-4c11-93b2-00bd77d30892&quot;}}" hidden="1">
            <a:extLst>
              <a:ext uri="{FF2B5EF4-FFF2-40B4-BE49-F238E27FC236}">
                <a16:creationId xmlns:a16="http://schemas.microsoft.com/office/drawing/2014/main" id="{97C0B8B7-F007-E537-833B-62CE9BF1B3B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103698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2BF4872-3678-838B-9AA4-F35ED6744EE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Pladsholder til indhold 2">
            <a:extLst>
              <a:ext uri="{FF2B5EF4-FFF2-40B4-BE49-F238E27FC236}">
                <a16:creationId xmlns:a16="http://schemas.microsoft.com/office/drawing/2014/main" id="{D4C4A12D-7EF5-225D-2FEF-F24600C7071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4349931"/>
            <a:ext cx="2322000" cy="1347607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4" name="Pladsholder til billede 2">
            <a:extLst>
              <a:ext uri="{FF2B5EF4-FFF2-40B4-BE49-F238E27FC236}">
                <a16:creationId xmlns:a16="http://schemas.microsoft.com/office/drawing/2014/main" id="{242A7CAD-3C15-E9A9-EF9B-96419CB0C5F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127124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5" name="Pladsholder til indhold 3">
            <a:extLst>
              <a:ext uri="{FF2B5EF4-FFF2-40B4-BE49-F238E27FC236}">
                <a16:creationId xmlns:a16="http://schemas.microsoft.com/office/drawing/2014/main" id="{EE5DDF80-9399-E221-13BE-6E051E1F153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4349931"/>
            <a:ext cx="2322000" cy="1347607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8" name="Pladsholder til billede 3">
            <a:extLst>
              <a:ext uri="{FF2B5EF4-FFF2-40B4-BE49-F238E27FC236}">
                <a16:creationId xmlns:a16="http://schemas.microsoft.com/office/drawing/2014/main" id="{DECF07B8-5892-016C-C3B6-6305091276F0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810323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9" name="Pladsholder til indhold 4">
            <a:extLst>
              <a:ext uri="{FF2B5EF4-FFF2-40B4-BE49-F238E27FC236}">
                <a16:creationId xmlns:a16="http://schemas.microsoft.com/office/drawing/2014/main" id="{211A4135-254C-BD28-64C1-93F299C6B811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4349931"/>
            <a:ext cx="2322000" cy="1347607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3024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5" name="Pladsholder til billede 4">
            <a:extLst>
              <a:ext uri="{FF2B5EF4-FFF2-40B4-BE49-F238E27FC236}">
                <a16:creationId xmlns:a16="http://schemas.microsoft.com/office/drawing/2014/main" id="{6282F778-9BF2-471A-160C-3681995AD1B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1288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6" name="Pladsholder til indhold 5">
            <a:extLst>
              <a:ext uri="{FF2B5EF4-FFF2-40B4-BE49-F238E27FC236}">
                <a16:creationId xmlns:a16="http://schemas.microsoft.com/office/drawing/2014/main" id="{97D5D8FC-E2B1-E702-5D77-753F809BB6BE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4349931"/>
            <a:ext cx="2322000" cy="1347607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7" name="Pladsholder til billede 5">
            <a:extLst>
              <a:ext uri="{FF2B5EF4-FFF2-40B4-BE49-F238E27FC236}">
                <a16:creationId xmlns:a16="http://schemas.microsoft.com/office/drawing/2014/main" id="{F645F601-AA5B-E81A-6BA1-F0631070FD9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175750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3132702730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2" name="Farvet kant">
            <a:extLst>
              <a:ext uri="{FF2B5EF4-FFF2-40B4-BE49-F238E27FC236}">
                <a16:creationId xmlns:a16="http://schemas.microsoft.com/office/drawing/2014/main" id="{2D105E57-125C-464E-8C81-859B094C19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127631679" name="Logoimage" descr="{&quot;templafy&quot;:{&quot;id&quot;:&quot;187af5f6-d9f7-4d9c-8035-5ebd83cb83e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6" name="Titel" descr="{&quot;templafy&quot;:{&quot;id&quot;:&quot;4a6a1342-91ff-4623-b32c-7b45bcdb6229&quot;}}" hidden="1">
            <a:extLst>
              <a:ext uri="{FF2B5EF4-FFF2-40B4-BE49-F238E27FC236}">
                <a16:creationId xmlns:a16="http://schemas.microsoft.com/office/drawing/2014/main" id="{2AB51325-7823-BA51-955D-3FED484AAD38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17" name="Dato" descr="{&quot;templafy&quot;:{&quot;id&quot;:&quot;612528da-fab1-4995-95be-e11591cd85cd&quot;}}">
            <a:extLst>
              <a:ext uri="{FF2B5EF4-FFF2-40B4-BE49-F238E27FC236}">
                <a16:creationId xmlns:a16="http://schemas.microsoft.com/office/drawing/2014/main" id="{DB9E2E88-33FA-1C45-F5F1-92239E55A13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18" name="Navn" descr="{&quot;templafy&quot;:{&quot;id&quot;:&quot;23106a65-6edd-464f-9b8a-8226fa9943a5&quot;}}" hidden="1">
            <a:extLst>
              <a:ext uri="{FF2B5EF4-FFF2-40B4-BE49-F238E27FC236}">
                <a16:creationId xmlns:a16="http://schemas.microsoft.com/office/drawing/2014/main" id="{F4C629BC-609F-3E0C-2988-9016410568D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Virksomhed" descr="{&quot;templafy&quot;:{&quot;id&quot;:&quot;ecf84fec-4b41-471e-b233-a326383ce9e6&quot;}}">
            <a:extLst>
              <a:ext uri="{FF2B5EF4-FFF2-40B4-BE49-F238E27FC236}">
                <a16:creationId xmlns:a16="http://schemas.microsoft.com/office/drawing/2014/main" id="{FE6CA79A-C309-0D70-6DFC-B213B4F01A5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1309882600" name="ExtraBottomlogoimage" descr="{&quot;templafy&quot;:{&quot;id&quot;:&quot;7a11a892-e778-49ca-a3f6-9d745368216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723231123" name="ExtraToplogoimage" descr="{&quot;templafy&quot;:{&quot;id&quot;:&quot;ed768a91-32c0-41eb-b472-948f148ef87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18404113-7707-45a0-abf0-7378af63383a&quot;}}">
            <a:extLst>
              <a:ext uri="{FF2B5EF4-FFF2-40B4-BE49-F238E27FC236}">
                <a16:creationId xmlns:a16="http://schemas.microsoft.com/office/drawing/2014/main" id="{23C3C9F2-D9FD-F838-37B1-BB9D6B4A9B9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9" name="Center" descr="{&quot;templafy&quot;:{&quot;id&quot;:&quot;f8766df0-7187-4999-96af-00362cd9feb3&quot;}}" hidden="1">
            <a:extLst>
              <a:ext uri="{FF2B5EF4-FFF2-40B4-BE49-F238E27FC236}">
                <a16:creationId xmlns:a16="http://schemas.microsoft.com/office/drawing/2014/main" id="{93EF58A2-B240-FB09-09CB-9981072F9D5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1700213"/>
            <a:ext cx="50040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1126800" y="2818800"/>
            <a:ext cx="5004000" cy="2880399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23" name="Pladsholder til billede 2">
            <a:extLst>
              <a:ext uri="{FF2B5EF4-FFF2-40B4-BE49-F238E27FC236}">
                <a16:creationId xmlns:a16="http://schemas.microsoft.com/office/drawing/2014/main" id="{3D1A3B3E-9C37-485F-B307-A3497BB72B8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CEEC86B-2F34-C92A-848F-F9F97F75A32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3802734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e &amp; 4 x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2" name="Farvet kant">
            <a:extLst>
              <a:ext uri="{FF2B5EF4-FFF2-40B4-BE49-F238E27FC236}">
                <a16:creationId xmlns:a16="http://schemas.microsoft.com/office/drawing/2014/main" id="{2D105E57-125C-464E-8C81-859B094C19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07257238" name="Logoimage" descr="{&quot;templafy&quot;:{&quot;id&quot;:&quot;30efab8f-75d2-4160-96d4-1084d68633d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6" name="Titel" descr="{&quot;templafy&quot;:{&quot;id&quot;:&quot;32fa9e8a-fecd-4f01-97fe-b86ba4949c42&quot;}}" hidden="1">
            <a:extLst>
              <a:ext uri="{FF2B5EF4-FFF2-40B4-BE49-F238E27FC236}">
                <a16:creationId xmlns:a16="http://schemas.microsoft.com/office/drawing/2014/main" id="{2AB51325-7823-BA51-955D-3FED484AAD38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17" name="Dato" descr="{&quot;templafy&quot;:{&quot;id&quot;:&quot;b33b908f-c278-4b6b-a2b4-7c30fe3349e4&quot;}}">
            <a:extLst>
              <a:ext uri="{FF2B5EF4-FFF2-40B4-BE49-F238E27FC236}">
                <a16:creationId xmlns:a16="http://schemas.microsoft.com/office/drawing/2014/main" id="{DB9E2E88-33FA-1C45-F5F1-92239E55A13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18" name="Navn" descr="{&quot;templafy&quot;:{&quot;id&quot;:&quot;fd33f6fe-3e76-4096-9783-098a6da440ff&quot;}}" hidden="1">
            <a:extLst>
              <a:ext uri="{FF2B5EF4-FFF2-40B4-BE49-F238E27FC236}">
                <a16:creationId xmlns:a16="http://schemas.microsoft.com/office/drawing/2014/main" id="{F4C629BC-609F-3E0C-2988-9016410568D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Virksomhed" descr="{&quot;templafy&quot;:{&quot;id&quot;:&quot;132dc3f1-30b4-46c5-84da-e157943dc549&quot;}}">
            <a:extLst>
              <a:ext uri="{FF2B5EF4-FFF2-40B4-BE49-F238E27FC236}">
                <a16:creationId xmlns:a16="http://schemas.microsoft.com/office/drawing/2014/main" id="{FE6CA79A-C309-0D70-6DFC-B213B4F01A5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1169402900" name="ExtraBottomlogoimage" descr="{&quot;templafy&quot;:{&quot;id&quot;:&quot;dd8dd381-a2a3-47c6-8b19-9bb3356431d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961813986" name="ExtraToplogoimage" descr="{&quot;templafy&quot;:{&quot;id&quot;:&quot;a4068c08-efc1-4bf7-b319-14b54216643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c40c9f65-7af2-461c-89e4-6e6e2812ea43&quot;}}">
            <a:extLst>
              <a:ext uri="{FF2B5EF4-FFF2-40B4-BE49-F238E27FC236}">
                <a16:creationId xmlns:a16="http://schemas.microsoft.com/office/drawing/2014/main" id="{23C3C9F2-D9FD-F838-37B1-BB9D6B4A9B9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9" name="Center" descr="{&quot;templafy&quot;:{&quot;id&quot;:&quot;2bf57296-7710-48ec-8f71-6527d576b414&quot;}}" hidden="1">
            <a:extLst>
              <a:ext uri="{FF2B5EF4-FFF2-40B4-BE49-F238E27FC236}">
                <a16:creationId xmlns:a16="http://schemas.microsoft.com/office/drawing/2014/main" id="{93EF58A2-B240-FB09-09CB-9981072F9D5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CEEC86B-2F34-C92A-848F-F9F97F75A32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6B497BC-4A2A-77B7-0C62-674AD355E8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5004000" cy="190800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6" name="Pladsholder til indhold 2">
            <a:extLst>
              <a:ext uri="{FF2B5EF4-FFF2-40B4-BE49-F238E27FC236}">
                <a16:creationId xmlns:a16="http://schemas.microsoft.com/office/drawing/2014/main" id="{83AE2575-9C4B-D569-9762-89613EFB1E21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3070800"/>
            <a:ext cx="5004000" cy="2626738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</p:txBody>
      </p:sp>
      <p:sp>
        <p:nvSpPr>
          <p:cNvPr id="8" name="Pladsholder til billede 2">
            <a:extLst>
              <a:ext uri="{FF2B5EF4-FFF2-40B4-BE49-F238E27FC236}">
                <a16:creationId xmlns:a16="http://schemas.microsoft.com/office/drawing/2014/main" id="{FE54FFEC-779C-10E0-B2F4-EE59E9D836C6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498001" y="1"/>
            <a:ext cx="3299142" cy="2601606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0" name="Pladsholder til billede 3">
            <a:extLst>
              <a:ext uri="{FF2B5EF4-FFF2-40B4-BE49-F238E27FC236}">
                <a16:creationId xmlns:a16="http://schemas.microsoft.com/office/drawing/2014/main" id="{5844DCBD-128E-6927-2CF4-7DB34398740B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0220279" y="1710417"/>
            <a:ext cx="1954097" cy="1611190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1" name="Pladsholder til billede 4">
            <a:extLst>
              <a:ext uri="{FF2B5EF4-FFF2-40B4-BE49-F238E27FC236}">
                <a16:creationId xmlns:a16="http://schemas.microsoft.com/office/drawing/2014/main" id="{1506A0C0-E3C1-5E0B-CAB5-39582ACC9178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851288" y="2961606"/>
            <a:ext cx="2193328" cy="275077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0" name="Pladsholder til billede 5">
            <a:extLst>
              <a:ext uri="{FF2B5EF4-FFF2-40B4-BE49-F238E27FC236}">
                <a16:creationId xmlns:a16="http://schemas.microsoft.com/office/drawing/2014/main" id="{4D9FC77A-9A82-63E1-91EC-127EF8732CB0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357952" y="3681607"/>
            <a:ext cx="2490354" cy="240639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404940318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É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" hidden="1">
            <a:extLst>
              <a:ext uri="{FF2B5EF4-FFF2-40B4-BE49-F238E27FC236}">
                <a16:creationId xmlns:a16="http://schemas.microsoft.com/office/drawing/2014/main" id="{E9AB7E8A-3902-63AB-0F23-C20AA8BB7C2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9" name="Dato" hidden="1">
            <a:extLst>
              <a:ext uri="{FF2B5EF4-FFF2-40B4-BE49-F238E27FC236}">
                <a16:creationId xmlns:a16="http://schemas.microsoft.com/office/drawing/2014/main" id="{F5A73DD7-44FA-3E46-24CD-2153A338123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956261191" name="Logoimage" descr="{&quot;templafy&quot;:{&quot;id&quot;:&quot;760ad853-54a5-4f02-b69a-8c0748b1454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238703228" name="ExtralogoBottomimage" descr="{&quot;templafy&quot;:{&quot;id&quot;:&quot;99c0cd96-4b16-4993-93d7-0052d7704e5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2040489594" name="ExtralogoTopimage" descr="{&quot;templafy&quot;:{&quot;id&quot;:&quot;83243a07-91d9-4aa4-91d5-45dc321d14f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8" name="Virksomhed" descr="{&quot;templafy&quot;:{&quot;id&quot;:&quot;bc4bb664-3972-4283-9f93-a262c3325b1d&quot;}}">
            <a:extLst>
              <a:ext uri="{FF2B5EF4-FFF2-40B4-BE49-F238E27FC236}">
                <a16:creationId xmlns:a16="http://schemas.microsoft.com/office/drawing/2014/main" id="{7402D21C-A72A-119A-5A49-5B89CDAD2A2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2" name="Titel" descr="{&quot;templafy&quot;:{&quot;id&quot;:&quot;cc8879a5-6c46-42f8-9a67-7466bc2948fc&quot;}}">
            <a:extLst>
              <a:ext uri="{FF2B5EF4-FFF2-40B4-BE49-F238E27FC236}">
                <a16:creationId xmlns:a16="http://schemas.microsoft.com/office/drawing/2014/main" id="{AECAD273-CC76-400F-E654-CD34991C557B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898a60e5-1017-4f99-97a2-cb26a1c04cbb&quot;}}">
            <a:extLst>
              <a:ext uri="{FF2B5EF4-FFF2-40B4-BE49-F238E27FC236}">
                <a16:creationId xmlns:a16="http://schemas.microsoft.com/office/drawing/2014/main" id="{530754C7-7382-2C4B-DBA5-28B1789A6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4" name="Dato" descr="{&quot;templafy&quot;:{&quot;id&quot;:&quot;4bcece71-345c-445e-a3e1-9226b32d5291&quot;}}">
            <a:extLst>
              <a:ext uri="{FF2B5EF4-FFF2-40B4-BE49-F238E27FC236}">
                <a16:creationId xmlns:a16="http://schemas.microsoft.com/office/drawing/2014/main" id="{27CB55CB-A90C-33C8-AB95-CFD9DF73188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7" name="CenterFreeText" descr="{&quot;templafy&quot;:{&quot;id&quot;:&quot;51006958-3f59-4d07-8501-538604f669aa&quot;}}">
            <a:extLst>
              <a:ext uri="{FF2B5EF4-FFF2-40B4-BE49-F238E27FC236}">
                <a16:creationId xmlns:a16="http://schemas.microsoft.com/office/drawing/2014/main" id="{3ECD29F8-90E2-D6ED-5E55-66EEF55974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fd2b3ad3-d243-44c7-89b8-c33bb5673ad1&quot;}}" hidden="1">
            <a:extLst>
              <a:ext uri="{FF2B5EF4-FFF2-40B4-BE49-F238E27FC236}">
                <a16:creationId xmlns:a16="http://schemas.microsoft.com/office/drawing/2014/main" id="{61DB617C-0769-BCA8-9610-FF7B75B654F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lnSpc>
                <a:spcPct val="85000"/>
              </a:lnSpc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A5166-5C3A-4087-CB96-55F6CE4EE9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1099763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top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2" name="Farvet kant">
            <a:extLst>
              <a:ext uri="{FF2B5EF4-FFF2-40B4-BE49-F238E27FC236}">
                <a16:creationId xmlns:a16="http://schemas.microsoft.com/office/drawing/2014/main" id="{2D105E57-125C-464E-8C81-859B094C19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94982499" name="Logoimage" descr="{&quot;templafy&quot;:{&quot;id&quot;:&quot;6ab60046-442a-4cea-8562-4b74e39cc7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6" name="Titel" descr="{&quot;templafy&quot;:{&quot;id&quot;:&quot;d0363924-edb8-4771-9ff8-0f9d4865a818&quot;}}" hidden="1">
            <a:extLst>
              <a:ext uri="{FF2B5EF4-FFF2-40B4-BE49-F238E27FC236}">
                <a16:creationId xmlns:a16="http://schemas.microsoft.com/office/drawing/2014/main" id="{2AB51325-7823-BA51-955D-3FED484AAD38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17" name="Dato" descr="{&quot;templafy&quot;:{&quot;id&quot;:&quot;1f4c4943-3383-4cb6-be4d-bf6176c69518&quot;}}">
            <a:extLst>
              <a:ext uri="{FF2B5EF4-FFF2-40B4-BE49-F238E27FC236}">
                <a16:creationId xmlns:a16="http://schemas.microsoft.com/office/drawing/2014/main" id="{DB9E2E88-33FA-1C45-F5F1-92239E55A13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18" name="Navn" descr="{&quot;templafy&quot;:{&quot;id&quot;:&quot;b1e8d2a3-0c0c-4d9f-9426-3bb65a3d4520&quot;}}" hidden="1">
            <a:extLst>
              <a:ext uri="{FF2B5EF4-FFF2-40B4-BE49-F238E27FC236}">
                <a16:creationId xmlns:a16="http://schemas.microsoft.com/office/drawing/2014/main" id="{F4C629BC-609F-3E0C-2988-9016410568D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Virksomhed" descr="{&quot;templafy&quot;:{&quot;id&quot;:&quot;bcf0520f-614e-449d-97d8-96abbf114e73&quot;}}">
            <a:extLst>
              <a:ext uri="{FF2B5EF4-FFF2-40B4-BE49-F238E27FC236}">
                <a16:creationId xmlns:a16="http://schemas.microsoft.com/office/drawing/2014/main" id="{FE6CA79A-C309-0D70-6DFC-B213B4F01A5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99084850" name="ExtraBottomlogoimage" descr="{&quot;templafy&quot;:{&quot;id&quot;:&quot;862fbf8e-c94d-4a9c-9698-4182ce54e66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426793790" name="ExtraToplogoimage" descr="{&quot;templafy&quot;:{&quot;id&quot;:&quot;6720bdc3-66de-4f99-897f-a157515ab1d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3b8b8ad3-9743-4669-a8a4-b661a6eb66ab&quot;}}">
            <a:extLst>
              <a:ext uri="{FF2B5EF4-FFF2-40B4-BE49-F238E27FC236}">
                <a16:creationId xmlns:a16="http://schemas.microsoft.com/office/drawing/2014/main" id="{23C3C9F2-D9FD-F838-37B1-BB9D6B4A9B9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19" name="Center" descr="{&quot;templafy&quot;:{&quot;id&quot;:&quot;6e7b3acd-06a3-4311-b5be-67fd68701b21&quot;}}" hidden="1">
            <a:extLst>
              <a:ext uri="{FF2B5EF4-FFF2-40B4-BE49-F238E27FC236}">
                <a16:creationId xmlns:a16="http://schemas.microsoft.com/office/drawing/2014/main" id="{93EF58A2-B240-FB09-09CB-9981072F9D5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CEEC86B-2F34-C92A-848F-F9F97F75A32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7CFD899-A05F-CA90-764F-BDC9F537C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4507200"/>
            <a:ext cx="3244825" cy="1422996"/>
          </a:xfrm>
        </p:spPr>
        <p:txBody>
          <a:bodyPr anchor="t" anchorCtr="0"/>
          <a:lstStyle/>
          <a:p>
            <a:r>
              <a:rPr lang="da-DK" dirty="0"/>
              <a:t>Overskrift 28pt</a:t>
            </a:r>
            <a:endParaRPr lang="en-GB" dirty="0"/>
          </a:p>
        </p:txBody>
      </p:sp>
      <p:sp>
        <p:nvSpPr>
          <p:cNvPr id="21" name="Pladsholder til indhold 2">
            <a:extLst>
              <a:ext uri="{FF2B5EF4-FFF2-40B4-BE49-F238E27FC236}">
                <a16:creationId xmlns:a16="http://schemas.microsoft.com/office/drawing/2014/main" id="{60E4CFEE-BD78-4011-691D-424B962CCEC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730400" y="4507200"/>
            <a:ext cx="6768000" cy="1422996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</p:txBody>
      </p:sp>
      <p:sp>
        <p:nvSpPr>
          <p:cNvPr id="23" name="Pladsholder til billede 2">
            <a:extLst>
              <a:ext uri="{FF2B5EF4-FFF2-40B4-BE49-F238E27FC236}">
                <a16:creationId xmlns:a16="http://schemas.microsoft.com/office/drawing/2014/main" id="{AEAA8D9A-7269-21A7-A76B-DAC40473707C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226800" y="0"/>
            <a:ext cx="11965200" cy="4221087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1175225981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" name="Slide Number Placeholder 1" hidden="1">
            <a:extLst>
              <a:ext uri="{FF2B5EF4-FFF2-40B4-BE49-F238E27FC236}">
                <a16:creationId xmlns:a16="http://schemas.microsoft.com/office/drawing/2014/main" id="{BDA26814-2696-EE2B-06CD-D8DA75C88B0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14" name="Billede 13" descr="Gæsling hopper i vandet, mens den søskende ser til">
            <a:extLst>
              <a:ext uri="{FF2B5EF4-FFF2-40B4-BE49-F238E27FC236}">
                <a16:creationId xmlns:a16="http://schemas.microsoft.com/office/drawing/2014/main" id="{0CA4B568-16F0-49FD-8A62-19B58CB0A7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195" b="2823"/>
          <a:stretch/>
        </p:blipFill>
        <p:spPr>
          <a:xfrm>
            <a:off x="687389" y="0"/>
            <a:ext cx="11504611" cy="6858000"/>
          </a:xfrm>
          <a:prstGeom prst="rect">
            <a:avLst/>
          </a:prstGeom>
        </p:spPr>
      </p:pic>
      <p:pic>
        <p:nvPicPr>
          <p:cNvPr id="1968501825" name="Logoimage" descr="{&quot;templafy&quot;:{&quot;id&quot;:&quot;f8d50026-a8c7-4088-85cf-396478454c1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8" name="Ellipse 7">
            <a:extLst>
              <a:ext uri="{FF2B5EF4-FFF2-40B4-BE49-F238E27FC236}">
                <a16:creationId xmlns:a16="http://schemas.microsoft.com/office/drawing/2014/main" id="{896E2AA4-32BE-E88B-628D-7A7988A54E9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EEAEF2B7-5FB6-129B-93C9-A1C208CC7DB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87389" y="0"/>
            <a:ext cx="11504611" cy="6858000"/>
          </a:xfrm>
        </p:spPr>
        <p:txBody>
          <a:bodyPr tIns="900000" bIns="0" anchor="ctr" anchorCtr="1"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131005085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2" hidden="1">
            <a:extLst>
              <a:ext uri="{FF2B5EF4-FFF2-40B4-BE49-F238E27FC236}">
                <a16:creationId xmlns:a16="http://schemas.microsoft.com/office/drawing/2014/main" id="{DE1B3D5D-1719-2788-97A0-414934C925D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9" name="Footer Placeholder 6" hidden="1">
            <a:extLst>
              <a:ext uri="{FF2B5EF4-FFF2-40B4-BE49-F238E27FC236}">
                <a16:creationId xmlns:a16="http://schemas.microsoft.com/office/drawing/2014/main" id="{379B3D0D-C87F-DE43-5D82-5AC4E97443B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Slide Number Placeholder 1" hidden="1">
            <a:extLst>
              <a:ext uri="{FF2B5EF4-FFF2-40B4-BE49-F238E27FC236}">
                <a16:creationId xmlns:a16="http://schemas.microsoft.com/office/drawing/2014/main" id="{2D085761-BE9E-5726-BADE-E3AE12281F2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11" name="Billede 10" descr="Sticker figur familier med hænder">
            <a:extLst>
              <a:ext uri="{FF2B5EF4-FFF2-40B4-BE49-F238E27FC236}">
                <a16:creationId xmlns:a16="http://schemas.microsoft.com/office/drawing/2014/main" id="{4E64E0DD-54B3-4256-9053-5E9FD709A9D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5" t="9372" r="-2" b="6249"/>
          <a:stretch/>
        </p:blipFill>
        <p:spPr>
          <a:xfrm>
            <a:off x="-1509" y="0"/>
            <a:ext cx="12193509" cy="6858000"/>
          </a:xfrm>
          <a:prstGeom prst="rect">
            <a:avLst/>
          </a:prstGeom>
        </p:spPr>
      </p:pic>
      <p:pic>
        <p:nvPicPr>
          <p:cNvPr id="1165148624" name="Logoimage" descr="{&quot;templafy&quot;:{&quot;id&quot;:&quot;cc5737ee-4e7a-4681-ba9a-16c0f2837ce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8" name="Ellipse 7">
            <a:extLst>
              <a:ext uri="{FF2B5EF4-FFF2-40B4-BE49-F238E27FC236}">
                <a16:creationId xmlns:a16="http://schemas.microsoft.com/office/drawing/2014/main" id="{DE6CCC4E-BD7A-0AB2-B3A2-05B8DDABE91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22DDE416-E552-4C67-1764-B706B5709F0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509" y="-3019"/>
            <a:ext cx="12193509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900000" bIns="0" anchor="ctr" anchorCtr="0">
            <a:noAutofit/>
          </a:bodyPr>
          <a:lstStyle>
            <a:lvl1pPr marL="0" indent="0" algn="ctr">
              <a:buNone/>
              <a:defRPr sz="22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284477790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-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064B15F5-5B2E-4D57-B166-25D0A73F88C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167722413" name="Logoimage" descr="{&quot;templafy&quot;:{&quot;id&quot;:&quot;090b3fef-2a3d-4675-ba86-b60f402d893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6" name="Titel" descr="{&quot;templafy&quot;:{&quot;id&quot;:&quot;6fede384-b5c9-45bc-ba50-01c3c1a82162&quot;}}" hidden="1">
            <a:extLst>
              <a:ext uri="{FF2B5EF4-FFF2-40B4-BE49-F238E27FC236}">
                <a16:creationId xmlns:a16="http://schemas.microsoft.com/office/drawing/2014/main" id="{3548DE29-FE22-8315-6068-8933A8A0458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18" name="Dato" descr="{&quot;templafy&quot;:{&quot;id&quot;:&quot;d2023da0-f3fd-41fa-9755-9ff06aae01f6&quot;}}">
            <a:extLst>
              <a:ext uri="{FF2B5EF4-FFF2-40B4-BE49-F238E27FC236}">
                <a16:creationId xmlns:a16="http://schemas.microsoft.com/office/drawing/2014/main" id="{DF8E3CA1-2219-02EB-FBB1-AE692B685D2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19" name="Navn" descr="{&quot;templafy&quot;:{&quot;id&quot;:&quot;3d7971f9-aa84-4194-88ee-8b1ec609b56c&quot;}}" hidden="1">
            <a:extLst>
              <a:ext uri="{FF2B5EF4-FFF2-40B4-BE49-F238E27FC236}">
                <a16:creationId xmlns:a16="http://schemas.microsoft.com/office/drawing/2014/main" id="{A607B24B-CD47-98C8-D311-30D001D4D67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Virksomhed" descr="{&quot;templafy&quot;:{&quot;id&quot;:&quot;d70a74eb-2489-4b0c-a8c3-67fe53e9266d&quot;}}">
            <a:extLst>
              <a:ext uri="{FF2B5EF4-FFF2-40B4-BE49-F238E27FC236}">
                <a16:creationId xmlns:a16="http://schemas.microsoft.com/office/drawing/2014/main" id="{C3617451-9A42-4BC6-B636-DB7533C2DAD3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337047534" name="ExtraBottomlogoimage" descr="{&quot;templafy&quot;:{&quot;id&quot;:&quot;f5d891bf-dca2-41cb-9fd5-94fdf723335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251070727" name="ExtraToplogoimage" descr="{&quot;templafy&quot;:{&quot;id&quot;:&quot;7e8a9dd7-30e5-4cf0-b024-d29b093b1b6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7" name="CenterFreeText" descr="{&quot;templafy&quot;:{&quot;id&quot;:&quot;92cdeef7-5d36-4096-9394-6c5c20952710&quot;}}">
            <a:extLst>
              <a:ext uri="{FF2B5EF4-FFF2-40B4-BE49-F238E27FC236}">
                <a16:creationId xmlns:a16="http://schemas.microsoft.com/office/drawing/2014/main" id="{FDB2213B-D1FB-319C-231F-F1C4B8BEBBD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DIrektionen</a:t>
            </a:r>
          </a:p>
        </p:txBody>
      </p:sp>
      <p:sp>
        <p:nvSpPr>
          <p:cNvPr id="21" name="Center" descr="{&quot;templafy&quot;:{&quot;id&quot;:&quot;dfba8334-08e3-404e-8922-cea20d669518&quot;}}" hidden="1">
            <a:extLst>
              <a:ext uri="{FF2B5EF4-FFF2-40B4-BE49-F238E27FC236}">
                <a16:creationId xmlns:a16="http://schemas.microsoft.com/office/drawing/2014/main" id="{92B03735-98C8-14CF-66FA-06F15B26B90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89137"/>
            <a:ext cx="10371275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EC85388-5D85-B99F-E92F-3BB00CF2B48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2202858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002144213" name="Logoimage" descr="{&quot;templafy&quot;:{&quot;id&quot;:&quot;c02ada80-a6d7-4fa3-a6a2-87d6b621895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27" name="Titel" descr="{&quot;templafy&quot;:{&quot;id&quot;:&quot;862f349f-bc87-400b-a06d-856c94b014e9&quot;}}" hidden="1">
            <a:extLst>
              <a:ext uri="{FF2B5EF4-FFF2-40B4-BE49-F238E27FC236}">
                <a16:creationId xmlns:a16="http://schemas.microsoft.com/office/drawing/2014/main" id="{DC35E46B-5B16-BEA1-B3B1-7E8460BC0C6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8" name="Dato" descr="{&quot;templafy&quot;:{&quot;id&quot;:&quot;8949a73c-b03a-4697-a716-a2aecbc45711&quot;}}">
            <a:extLst>
              <a:ext uri="{FF2B5EF4-FFF2-40B4-BE49-F238E27FC236}">
                <a16:creationId xmlns:a16="http://schemas.microsoft.com/office/drawing/2014/main" id="{1965E611-DD8D-33B8-5E0B-64588099E32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29" name="Navn" descr="{&quot;templafy&quot;:{&quot;id&quot;:&quot;a97380e1-f305-4e99-8837-74c40bbe3987&quot;}}" hidden="1">
            <a:extLst>
              <a:ext uri="{FF2B5EF4-FFF2-40B4-BE49-F238E27FC236}">
                <a16:creationId xmlns:a16="http://schemas.microsoft.com/office/drawing/2014/main" id="{0DBE8C23-E89E-0D1C-692A-30291DD521F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" name="Virksomhed" descr="{&quot;templafy&quot;:{&quot;id&quot;:&quot;19b77896-7a71-4186-b6b9-8b2f4a82a1a7&quot;}}">
            <a:extLst>
              <a:ext uri="{FF2B5EF4-FFF2-40B4-BE49-F238E27FC236}">
                <a16:creationId xmlns:a16="http://schemas.microsoft.com/office/drawing/2014/main" id="{E305AAB3-E75B-97BF-1BD8-75AD4040EFB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Amager og Hvidovre Hospital</a:t>
            </a:r>
          </a:p>
        </p:txBody>
      </p:sp>
      <p:pic>
        <p:nvPicPr>
          <p:cNvPr id="377249002" name="ExtraBottomlogoimage" descr="{&quot;templafy&quot;:{&quot;id&quot;:&quot;a70e4663-8dc7-49b0-9ee9-1969843e06a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443491881" name="ExtraToplogoimage" descr="{&quot;templafy&quot;:{&quot;id&quot;:&quot;2d94e228-46fa-4209-a2f5-b9f409ce3cf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e11ef37e-4c03-4f57-ae39-c58c2b70ec9a&quot;}}">
            <a:extLst>
              <a:ext uri="{FF2B5EF4-FFF2-40B4-BE49-F238E27FC236}">
                <a16:creationId xmlns:a16="http://schemas.microsoft.com/office/drawing/2014/main" id="{F8137F2A-7601-FAA5-A638-441CAC43DB3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tx1"/>
                </a:solidFill>
              </a:rPr>
              <a:t>DIrektionen</a:t>
            </a:r>
          </a:p>
        </p:txBody>
      </p:sp>
      <p:sp>
        <p:nvSpPr>
          <p:cNvPr id="16" name="Center" descr="{&quot;templafy&quot;:{&quot;id&quot;:&quot;88cfa51d-5a29-405b-84b1-74a7d83f4e5e&quot;}}" hidden="1">
            <a:extLst>
              <a:ext uri="{FF2B5EF4-FFF2-40B4-BE49-F238E27FC236}">
                <a16:creationId xmlns:a16="http://schemas.microsoft.com/office/drawing/2014/main" id="{6100CD99-E73A-912B-FF74-E4FB4E3AAD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871200"/>
            <a:ext cx="10371275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1" name="Pladsholder til indhold 2">
            <a:extLst>
              <a:ext uri="{FF2B5EF4-FFF2-40B4-BE49-F238E27FC236}">
                <a16:creationId xmlns:a16="http://schemas.microsoft.com/office/drawing/2014/main" id="{9C551DF5-75C3-4053-ACEB-C34B7D378640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27125" y="1990800"/>
            <a:ext cx="10371275" cy="3708000"/>
          </a:xfrm>
        </p:spPr>
        <p:txBody>
          <a:bodyPr vert="horz" lIns="0" tIns="0" rIns="0" bIns="0" rtlCol="0">
            <a:noAutofit/>
          </a:bodyPr>
          <a:lstStyle>
            <a:lvl1pPr>
              <a:buClrTx/>
              <a:defRPr lang="da-DK" smtClean="0"/>
            </a:lvl1pPr>
            <a:lvl2pPr>
              <a:buClrTx/>
              <a:defRPr lang="da-DK" smtClean="0"/>
            </a:lvl2pPr>
            <a:lvl3pPr>
              <a:buClrTx/>
              <a:defRPr lang="da-DK" smtClean="0"/>
            </a:lvl3pPr>
            <a:lvl4pPr>
              <a:buClrTx/>
              <a:defRPr lang="da-DK" smtClean="0"/>
            </a:lvl4pPr>
            <a:lvl5pPr>
              <a:buClrTx/>
              <a:defRPr lang="da-DK" dirty="0"/>
            </a:lvl5pPr>
            <a:lvl6pPr>
              <a:buClrTx/>
              <a:defRPr lang="da-DK" smtClean="0"/>
            </a:lvl6pPr>
            <a:lvl7pPr>
              <a:buClrTx/>
              <a:defRPr lang="da-DK" smtClean="0"/>
            </a:lvl7pPr>
            <a:lvl8pPr>
              <a:buClrTx/>
              <a:defRPr lang="da-DK" smtClean="0"/>
            </a:lvl8pPr>
            <a:lvl9pPr>
              <a:buClrTx/>
              <a:defRPr lang="da-DK" smtClean="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Level 2</a:t>
            </a:r>
          </a:p>
          <a:p>
            <a:pPr lvl="2"/>
            <a:r>
              <a:rPr lang="da-DK" dirty="0"/>
              <a:t>Level 3</a:t>
            </a:r>
          </a:p>
          <a:p>
            <a:pPr lvl="3"/>
            <a:r>
              <a:rPr lang="da-DK" dirty="0"/>
              <a:t>Level 4</a:t>
            </a:r>
          </a:p>
          <a:p>
            <a:pPr lvl="4"/>
            <a:r>
              <a:rPr lang="da-DK" dirty="0"/>
              <a:t>Level 5</a:t>
            </a:r>
          </a:p>
          <a:p>
            <a:pPr lvl="5"/>
            <a:r>
              <a:rPr lang="da-DK" dirty="0"/>
              <a:t>Level 6</a:t>
            </a:r>
          </a:p>
          <a:p>
            <a:pPr lvl="6"/>
            <a:r>
              <a:rPr lang="da-DK" dirty="0"/>
              <a:t>Level 7</a:t>
            </a:r>
          </a:p>
          <a:p>
            <a:pPr lvl="7"/>
            <a:r>
              <a:rPr lang="da-DK" dirty="0"/>
              <a:t>Level 8</a:t>
            </a:r>
          </a:p>
          <a:p>
            <a:pPr lvl="8"/>
            <a:r>
              <a:rPr lang="da-DK" dirty="0"/>
              <a:t>Level 9</a:t>
            </a:r>
          </a:p>
          <a:p>
            <a:pPr lvl="0"/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BCD7A2D-C528-09F0-20C5-6287C49DCE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3671762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tekstspalter - farvet baggrund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452653693" name="Logoimage" descr="{&quot;templafy&quot;:{&quot;id&quot;:&quot;51436371-a93d-48b6-9497-e1952e0bb68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27" name="Titel" descr="{&quot;templafy&quot;:{&quot;id&quot;:&quot;d6b46552-042d-4952-a697-c36f6cbe1f9e&quot;}}" hidden="1">
            <a:extLst>
              <a:ext uri="{FF2B5EF4-FFF2-40B4-BE49-F238E27FC236}">
                <a16:creationId xmlns:a16="http://schemas.microsoft.com/office/drawing/2014/main" id="{DC35E46B-5B16-BEA1-B3B1-7E8460BC0C6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8" name="Dato" descr="{&quot;templafy&quot;:{&quot;id&quot;:&quot;67a1c503-b499-45f2-b302-da34bc01ed90&quot;}}">
            <a:extLst>
              <a:ext uri="{FF2B5EF4-FFF2-40B4-BE49-F238E27FC236}">
                <a16:creationId xmlns:a16="http://schemas.microsoft.com/office/drawing/2014/main" id="{1965E611-DD8D-33B8-5E0B-64588099E32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29" name="Navn" descr="{&quot;templafy&quot;:{&quot;id&quot;:&quot;1152c436-0f23-48a4-a281-d4dbba9f40b3&quot;}}" hidden="1">
            <a:extLst>
              <a:ext uri="{FF2B5EF4-FFF2-40B4-BE49-F238E27FC236}">
                <a16:creationId xmlns:a16="http://schemas.microsoft.com/office/drawing/2014/main" id="{0DBE8C23-E89E-0D1C-692A-30291DD521F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" name="Virksomhed" descr="{&quot;templafy&quot;:{&quot;id&quot;:&quot;d8fa106e-587d-45c4-a697-948bfc6660e9&quot;}}">
            <a:extLst>
              <a:ext uri="{FF2B5EF4-FFF2-40B4-BE49-F238E27FC236}">
                <a16:creationId xmlns:a16="http://schemas.microsoft.com/office/drawing/2014/main" id="{E305AAB3-E75B-97BF-1BD8-75AD4040EFB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Amager og Hvidovre Hospital</a:t>
            </a:r>
          </a:p>
        </p:txBody>
      </p:sp>
      <p:pic>
        <p:nvPicPr>
          <p:cNvPr id="1526904712" name="ExtraBottomlogoimage" descr="{&quot;templafy&quot;:{&quot;id&quot;:&quot;4790d3f1-d461-4949-b80b-b5ab1e2bf7a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302802743" name="ExtraToplogoimage" descr="{&quot;templafy&quot;:{&quot;id&quot;:&quot;457795c6-33e0-48d9-8c4b-882afbe813e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ffb64dc7-96ea-4f87-b79b-59e13c763a5a&quot;}}">
            <a:extLst>
              <a:ext uri="{FF2B5EF4-FFF2-40B4-BE49-F238E27FC236}">
                <a16:creationId xmlns:a16="http://schemas.microsoft.com/office/drawing/2014/main" id="{F8137F2A-7601-FAA5-A638-441CAC43DB3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tx1"/>
                </a:solidFill>
              </a:rPr>
              <a:t>DIrektionen</a:t>
            </a:r>
          </a:p>
        </p:txBody>
      </p:sp>
      <p:sp>
        <p:nvSpPr>
          <p:cNvPr id="16" name="Center" descr="{&quot;templafy&quot;:{&quot;id&quot;:&quot;4b9aadf9-aeb9-4328-8df8-cd0e223dc037&quot;}}" hidden="1">
            <a:extLst>
              <a:ext uri="{FF2B5EF4-FFF2-40B4-BE49-F238E27FC236}">
                <a16:creationId xmlns:a16="http://schemas.microsoft.com/office/drawing/2014/main" id="{6100CD99-E73A-912B-FF74-E4FB4E3AAD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871200"/>
            <a:ext cx="10371275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BCD7A2D-C528-09F0-20C5-6287C49DCE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DD26BB76-CA51-E5DD-A255-A0A0A31F461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7" name="Pladsholder til indhold 3">
            <a:extLst>
              <a:ext uri="{FF2B5EF4-FFF2-40B4-BE49-F238E27FC236}">
                <a16:creationId xmlns:a16="http://schemas.microsoft.com/office/drawing/2014/main" id="{2E634F80-6FE3-DF62-8CD8-2DC2559A16C8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00613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</p:spTree>
    <p:extLst>
      <p:ext uri="{BB962C8B-B14F-4D97-AF65-F5344CB8AC3E}">
        <p14:creationId xmlns:p14="http://schemas.microsoft.com/office/powerpoint/2010/main" val="228489007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foto - farvet baggrund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 hidden="1">
            <a:extLst>
              <a:ext uri="{FF2B5EF4-FFF2-40B4-BE49-F238E27FC236}">
                <a16:creationId xmlns:a16="http://schemas.microsoft.com/office/drawing/2014/main" id="{E21FBDA7-4FB1-7214-7CB8-6D96647AD2D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5" name="Rektangel 34">
            <a:extLst>
              <a:ext uri="{FF2B5EF4-FFF2-40B4-BE49-F238E27FC236}">
                <a16:creationId xmlns:a16="http://schemas.microsoft.com/office/drawing/2014/main" id="{7ADED768-2D7F-4E0A-BAD8-00196E1791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90825969" name="Logoimage" descr="{&quot;templafy&quot;:{&quot;id&quot;:&quot;5c213a34-07e5-4743-b94b-e3fe271dd9d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9" name="Titel" descr="{&quot;templafy&quot;:{&quot;id&quot;:&quot;1e671452-b263-4138-86b8-ee8ea52e5598&quot;}}" hidden="1">
            <a:extLst>
              <a:ext uri="{FF2B5EF4-FFF2-40B4-BE49-F238E27FC236}">
                <a16:creationId xmlns:a16="http://schemas.microsoft.com/office/drawing/2014/main" id="{3578939E-7B97-1B97-FD2B-A643FA90A729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rgbClr val="FFFFFF"/>
              </a:solidFill>
            </a:endParaRPr>
          </a:p>
        </p:txBody>
      </p:sp>
      <p:sp>
        <p:nvSpPr>
          <p:cNvPr id="20" name="Dato" descr="{&quot;templafy&quot;:{&quot;id&quot;:&quot;035795fa-5475-4811-abea-58ba0712ef3a&quot;}}">
            <a:extLst>
              <a:ext uri="{FF2B5EF4-FFF2-40B4-BE49-F238E27FC236}">
                <a16:creationId xmlns:a16="http://schemas.microsoft.com/office/drawing/2014/main" id="{BB3DB92B-9D03-9A75-2503-6A8AEFC4440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rgbClr val="FFFFFF"/>
                </a:solidFill>
              </a:rPr>
              <a:t> </a:t>
            </a:r>
          </a:p>
        </p:txBody>
      </p:sp>
      <p:sp>
        <p:nvSpPr>
          <p:cNvPr id="21" name="Navn" descr="{&quot;templafy&quot;:{&quot;id&quot;:&quot;9637fd7d-dfd1-40a3-aa5e-2d5ddc1c348d&quot;}}" hidden="1">
            <a:extLst>
              <a:ext uri="{FF2B5EF4-FFF2-40B4-BE49-F238E27FC236}">
                <a16:creationId xmlns:a16="http://schemas.microsoft.com/office/drawing/2014/main" id="{B7B73B29-EF60-EE6D-8125-F9D50CD62AE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rgbClr val="FFFFFF"/>
              </a:solidFill>
            </a:endParaRPr>
          </a:p>
        </p:txBody>
      </p:sp>
      <p:sp>
        <p:nvSpPr>
          <p:cNvPr id="5" name="Virksomhed" descr="{&quot;templafy&quot;:{&quot;id&quot;:&quot;ef3a9e22-df47-4f28-a7f6-f0623ac71571&quot;}}">
            <a:extLst>
              <a:ext uri="{FF2B5EF4-FFF2-40B4-BE49-F238E27FC236}">
                <a16:creationId xmlns:a16="http://schemas.microsoft.com/office/drawing/2014/main" id="{CD7142DC-89FD-4FA1-CC39-A468A07059E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11" name="CenterFreeText" descr="{&quot;templafy&quot;:{&quot;id&quot;:&quot;3911dc13-8e49-4bd1-b776-5f867a7e5d30&quot;}}">
            <a:extLst>
              <a:ext uri="{FF2B5EF4-FFF2-40B4-BE49-F238E27FC236}">
                <a16:creationId xmlns:a16="http://schemas.microsoft.com/office/drawing/2014/main" id="{A37F1CB9-BB5E-B6BC-990A-E0E529373DC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bg1"/>
                </a:solidFill>
              </a:rPr>
              <a:t>DIrektionen</a:t>
            </a:r>
          </a:p>
        </p:txBody>
      </p:sp>
      <p:sp>
        <p:nvSpPr>
          <p:cNvPr id="12" name="Center" descr="{&quot;templafy&quot;:{&quot;id&quot;:&quot;054cdc05-9225-47ae-8249-5ae7e6e18702&quot;}}" hidden="1">
            <a:extLst>
              <a:ext uri="{FF2B5EF4-FFF2-40B4-BE49-F238E27FC236}">
                <a16:creationId xmlns:a16="http://schemas.microsoft.com/office/drawing/2014/main" id="{F9B3CB7D-4D6E-622F-4C46-7EBD87DB4EE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1700213"/>
            <a:ext cx="5028875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27125" y="2818800"/>
            <a:ext cx="5028875" cy="2880000"/>
          </a:xfrm>
        </p:spPr>
        <p:txBody>
          <a:bodyPr/>
          <a:lstStyle>
            <a:lvl1pPr marL="270000" indent="-270000">
              <a:buClrTx/>
              <a:defRPr baseline="0">
                <a:solidFill>
                  <a:schemeClr val="bg1"/>
                </a:solidFill>
              </a:defRPr>
            </a:lvl1pPr>
            <a:lvl2pPr marL="630000" indent="-270000">
              <a:buClrTx/>
              <a:defRPr>
                <a:solidFill>
                  <a:schemeClr val="bg1"/>
                </a:solidFill>
              </a:defRPr>
            </a:lvl2pPr>
            <a:lvl3pPr marL="936000" indent="-234000">
              <a:buClrTx/>
              <a:defRPr>
                <a:solidFill>
                  <a:schemeClr val="bg1"/>
                </a:solidFill>
              </a:defRPr>
            </a:lvl3pPr>
            <a:lvl4pPr marL="1296000" indent="-216000">
              <a:buClrTx/>
              <a:defRPr>
                <a:solidFill>
                  <a:schemeClr val="bg1"/>
                </a:solidFill>
              </a:defRPr>
            </a:lvl4pPr>
            <a:lvl5pPr marL="1656000" indent="-216000">
              <a:buClrTx/>
              <a:defRPr>
                <a:solidFill>
                  <a:schemeClr val="bg1"/>
                </a:solidFill>
              </a:defRPr>
            </a:lvl5pPr>
            <a:lvl6pPr marL="1818000" indent="0">
              <a:buNone/>
              <a:defRPr>
                <a:solidFill>
                  <a:schemeClr val="bg1"/>
                </a:solidFill>
              </a:defRPr>
            </a:lvl6pPr>
            <a:lvl7pPr marL="2178000" indent="0">
              <a:buNone/>
              <a:defRPr>
                <a:solidFill>
                  <a:schemeClr val="bg1"/>
                </a:solidFill>
              </a:defRPr>
            </a:lvl7pPr>
            <a:lvl8pPr marL="2538000" indent="0">
              <a:buNone/>
              <a:defRPr>
                <a:solidFill>
                  <a:schemeClr val="bg1"/>
                </a:solidFill>
              </a:defRPr>
            </a:lvl8pPr>
            <a:lvl9pPr marL="2538000" indent="0"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6" name="Pladsholder til billede 2">
            <a:extLst>
              <a:ext uri="{FF2B5EF4-FFF2-40B4-BE49-F238E27FC236}">
                <a16:creationId xmlns:a16="http://schemas.microsoft.com/office/drawing/2014/main" id="{D3766346-CE25-4EA9-AD04-6A45BEF1FB7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410683899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8" hidden="1">
            <a:extLst>
              <a:ext uri="{FF2B5EF4-FFF2-40B4-BE49-F238E27FC236}">
                <a16:creationId xmlns:a16="http://schemas.microsoft.com/office/drawing/2014/main" id="{6A028932-D6E9-90AD-5338-49D2700BE3B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CEE76332-577A-74A6-8A6D-6E3F7E99320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9" name="Rektangel 38">
            <a:extLst>
              <a:ext uri="{FF2B5EF4-FFF2-40B4-BE49-F238E27FC236}">
                <a16:creationId xmlns:a16="http://schemas.microsoft.com/office/drawing/2014/main" id="{DEC7BC6A-DA03-4E0F-8EF3-057915E024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71146795" name="Logoimage" descr="{&quot;templafy&quot;:{&quot;id&quot;:&quot;6bb7ab64-c63a-480d-9934-3cb63d81050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574985148" name="ExtraBottomlogoimage" descr="{&quot;templafy&quot;:{&quot;id&quot;:&quot;dba57e14-6a86-45ae-8116-3a5711deebd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2972188" name="ExtraToplogoimage" descr="{&quot;templafy&quot;:{&quot;id&quot;:&quot;203a0d8d-1f5f-47fe-9657-6d76def5918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Titel" descr="{&quot;templafy&quot;:{&quot;id&quot;:&quot;fb1cf4ff-8a7b-468c-983f-df21e55a6d3c&quot;}}" hidden="1">
            <a:extLst>
              <a:ext uri="{FF2B5EF4-FFF2-40B4-BE49-F238E27FC236}">
                <a16:creationId xmlns:a16="http://schemas.microsoft.com/office/drawing/2014/main" id="{D42A49FB-DE16-2684-C3BF-09915E24414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rgbClr val="FFFFFF"/>
              </a:solidFill>
            </a:endParaRPr>
          </a:p>
        </p:txBody>
      </p:sp>
      <p:sp>
        <p:nvSpPr>
          <p:cNvPr id="16" name="Dato" descr="{&quot;templafy&quot;:{&quot;id&quot;:&quot;0abbece4-2de7-493d-b979-503902a1cc72&quot;}}">
            <a:extLst>
              <a:ext uri="{FF2B5EF4-FFF2-40B4-BE49-F238E27FC236}">
                <a16:creationId xmlns:a16="http://schemas.microsoft.com/office/drawing/2014/main" id="{B47B648C-6374-329E-587E-B848BD6B7C8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rgbClr val="FFFFFF"/>
                </a:solidFill>
              </a:rPr>
              <a:t> </a:t>
            </a:r>
          </a:p>
        </p:txBody>
      </p:sp>
      <p:sp>
        <p:nvSpPr>
          <p:cNvPr id="23" name="Navn" descr="{&quot;templafy&quot;:{&quot;id&quot;:&quot;8658abfd-ed3d-4d77-a640-b499b4d41cde&quot;}}" hidden="1">
            <a:extLst>
              <a:ext uri="{FF2B5EF4-FFF2-40B4-BE49-F238E27FC236}">
                <a16:creationId xmlns:a16="http://schemas.microsoft.com/office/drawing/2014/main" id="{3B142DB8-0086-C12F-7D60-B0F3B55197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rgbClr val="FFFFFF"/>
              </a:solidFill>
            </a:endParaRPr>
          </a:p>
        </p:txBody>
      </p:sp>
      <p:sp>
        <p:nvSpPr>
          <p:cNvPr id="8" name="Virksomhed" descr="{&quot;templafy&quot;:{&quot;id&quot;:&quot;c0cc7df2-90b5-49e1-80d1-36c3975e9030&quot;}}">
            <a:extLst>
              <a:ext uri="{FF2B5EF4-FFF2-40B4-BE49-F238E27FC236}">
                <a16:creationId xmlns:a16="http://schemas.microsoft.com/office/drawing/2014/main" id="{F65AFAB3-583B-0BC6-BA32-6E426BC7DD1E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12" name="CenterFreeText" descr="{&quot;templafy&quot;:{&quot;id&quot;:&quot;941905a9-85bb-45c9-8224-6fd9b66a0ff5&quot;}}">
            <a:extLst>
              <a:ext uri="{FF2B5EF4-FFF2-40B4-BE49-F238E27FC236}">
                <a16:creationId xmlns:a16="http://schemas.microsoft.com/office/drawing/2014/main" id="{5EFE331C-BE84-CDDE-8AE6-DDF3D8BE71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bg1"/>
                </a:solidFill>
              </a:rPr>
              <a:t>DIrektionen</a:t>
            </a:r>
          </a:p>
        </p:txBody>
      </p:sp>
      <p:sp>
        <p:nvSpPr>
          <p:cNvPr id="13" name="Center" descr="{&quot;templafy&quot;:{&quot;id&quot;:&quot;12f969c1-d6c3-404b-b3a7-850d68976485&quot;}}" hidden="1">
            <a:extLst>
              <a:ext uri="{FF2B5EF4-FFF2-40B4-BE49-F238E27FC236}">
                <a16:creationId xmlns:a16="http://schemas.microsoft.com/office/drawing/2014/main" id="{C3162D3B-1EC4-882E-6A9D-06231E5F4B0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700213"/>
            <a:ext cx="10371275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27126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27126" y="3747776"/>
            <a:ext cx="5005388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8854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A8FB8F10-EEA1-9F7C-1CA5-F8D70EA8633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4527737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- farvet baggrund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222399583" name="Logoimage" descr="{&quot;templafy&quot;:{&quot;id&quot;:&quot;e3065398-2073-43dd-93f1-0183699d0f8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9" name="Titel" descr="{&quot;templafy&quot;:{&quot;id&quot;:&quot;02dd08ca-f507-4ffe-ac50-3da4b4327080&quot;}}" hidden="1">
            <a:extLst>
              <a:ext uri="{FF2B5EF4-FFF2-40B4-BE49-F238E27FC236}">
                <a16:creationId xmlns:a16="http://schemas.microsoft.com/office/drawing/2014/main" id="{69957D28-DA0E-1F35-269F-D2D19F1689E2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rgbClr val="FFFFFF"/>
              </a:solidFill>
            </a:endParaRPr>
          </a:p>
        </p:txBody>
      </p:sp>
      <p:sp>
        <p:nvSpPr>
          <p:cNvPr id="20" name="Dato" descr="{&quot;templafy&quot;:{&quot;id&quot;:&quot;7dbfe38c-f8e0-4baa-9ee7-cd061151bfe1&quot;}}">
            <a:extLst>
              <a:ext uri="{FF2B5EF4-FFF2-40B4-BE49-F238E27FC236}">
                <a16:creationId xmlns:a16="http://schemas.microsoft.com/office/drawing/2014/main" id="{733E1F6B-A347-0C8E-BB88-556DF4C7969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rgbClr val="FFFFFF"/>
                </a:solidFill>
              </a:rPr>
              <a:t> </a:t>
            </a:r>
          </a:p>
        </p:txBody>
      </p:sp>
      <p:sp>
        <p:nvSpPr>
          <p:cNvPr id="21" name="Navn" descr="{&quot;templafy&quot;:{&quot;id&quot;:&quot;096ac9da-f4a8-4734-9659-e9ee2095b6a5&quot;}}" hidden="1">
            <a:extLst>
              <a:ext uri="{FF2B5EF4-FFF2-40B4-BE49-F238E27FC236}">
                <a16:creationId xmlns:a16="http://schemas.microsoft.com/office/drawing/2014/main" id="{9E7A6319-F6B3-BBFB-FFE4-EC0968E2636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rgbClr val="FFFFFF"/>
              </a:solidFill>
            </a:endParaRPr>
          </a:p>
        </p:txBody>
      </p:sp>
      <p:pic>
        <p:nvPicPr>
          <p:cNvPr id="517129046" name="ExtraBottomlogoimage" descr="{&quot;templafy&quot;:{&quot;id&quot;:&quot;7ba1c42d-a139-421f-899e-c7c77bd333b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016460571" name="ExtraToplogoimage" descr="{&quot;templafy&quot;:{&quot;id&quot;:&quot;3d9b01ab-6168-4c57-85d2-853eb5b0d80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153C25AD-0853-357E-765C-83C7AD978E9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577412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u/farvet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Slide Number Placeholder 6">
            <a:extLst>
              <a:ext uri="{FF2B5EF4-FFF2-40B4-BE49-F238E27FC236}">
                <a16:creationId xmlns:a16="http://schemas.microsoft.com/office/drawing/2014/main" id="{83F8E170-69DF-4972-9F60-F68F14D60D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281195333" name="ExtralogoBottomimage" descr="{&quot;templafy&quot;:{&quot;id&quot;:&quot;c2e99f60-4c5c-42a5-9a4b-104a6ff2d70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919064376" name="ExtralogoTopimage" descr="{&quot;templafy&quot;:{&quot;id&quot;:&quot;b57009bd-f4b6-44c2-a361-fb78cfc3cf5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a71a3be0-e66e-4439-8479-054a3c5e2e77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82ef9751-b5f4-4fee-83dc-c7ef9f3caa43&quot;}}" hidden="1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Dato" descr="{&quot;templafy&quot;:{&quot;id&quot;:&quot;02d771d1-06ec-42d1-8d0a-fdf7082def0e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87104136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4E2B544D-C764-496F-9EE3-CAD342BB4A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56433362" name="Logoimage" descr="{&quot;templafy&quot;:{&quot;id&quot;:&quot;64c1739a-7c1e-4120-b177-33f78e9a099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82986873" name="ExtralogoBottomimage" descr="{&quot;templafy&quot;:{&quot;id&quot;:&quot;8d3c5917-f978-4702-a571-42226b02e3b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164881164" name="ExtralogoTopimage" descr="{&quot;templafy&quot;:{&quot;id&quot;:&quot;53d11558-974f-4fb8-9d6f-0f2413baaa2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9" name="Virksomhed" descr="{&quot;templafy&quot;:{&quot;id&quot;:&quot;a5667c80-a98a-49fa-b8fa-cde9b73e1d24&quot;}}">
            <a:extLst>
              <a:ext uri="{FF2B5EF4-FFF2-40B4-BE49-F238E27FC236}">
                <a16:creationId xmlns:a16="http://schemas.microsoft.com/office/drawing/2014/main" id="{096A4956-C3DA-677E-8A5D-E114BBD7A03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3" name="Titel" descr="{&quot;templafy&quot;:{&quot;id&quot;:&quot;78171aa9-e9f5-44c2-ae7f-578730312991&quot;}}">
            <a:extLst>
              <a:ext uri="{FF2B5EF4-FFF2-40B4-BE49-F238E27FC236}">
                <a16:creationId xmlns:a16="http://schemas.microsoft.com/office/drawing/2014/main" id="{E540840C-DF6F-F6A3-8AA9-F3D24AAE030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4" name="Navn" descr="{&quot;templafy&quot;:{&quot;id&quot;:&quot;2d308d12-b2f3-4d54-a91a-935cf4cd491a&quot;}}">
            <a:extLst>
              <a:ext uri="{FF2B5EF4-FFF2-40B4-BE49-F238E27FC236}">
                <a16:creationId xmlns:a16="http://schemas.microsoft.com/office/drawing/2014/main" id="{8921EA11-4BE7-ACD7-E1DF-415FB777F6C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5" name="Dato" descr="{&quot;templafy&quot;:{&quot;id&quot;:&quot;7216cc43-1cc2-490c-8b02-d32c562a5154&quot;}}">
            <a:extLst>
              <a:ext uri="{FF2B5EF4-FFF2-40B4-BE49-F238E27FC236}">
                <a16:creationId xmlns:a16="http://schemas.microsoft.com/office/drawing/2014/main" id="{8C1D7A74-0007-DCA4-72C3-B32C9BA5984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CenterFreeText" descr="{&quot;templafy&quot;:{&quot;id&quot;:&quot;5dee99bb-8c57-421e-930e-bcb4671ffaef&quot;}}">
            <a:extLst>
              <a:ext uri="{FF2B5EF4-FFF2-40B4-BE49-F238E27FC236}">
                <a16:creationId xmlns:a16="http://schemas.microsoft.com/office/drawing/2014/main" id="{029D1C94-E9A0-055F-FC60-5357C133711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6" name="Center" descr="{&quot;templafy&quot;:{&quot;id&quot;:&quot;aa9f8e33-c9ef-4481-8115-adec5737af69&quot;}}" hidden="1">
            <a:extLst>
              <a:ext uri="{FF2B5EF4-FFF2-40B4-BE49-F238E27FC236}">
                <a16:creationId xmlns:a16="http://schemas.microsoft.com/office/drawing/2014/main" id="{AB963842-5979-0D2F-5B98-5EFB1C3888F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27126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093252F-E572-015C-6516-C605E28DB4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4450438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É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B236D090-1AED-FE30-8ECA-B75697EC196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Footer Placeholder 11" hidden="1">
            <a:extLst>
              <a:ext uri="{FF2B5EF4-FFF2-40B4-BE49-F238E27FC236}">
                <a16:creationId xmlns:a16="http://schemas.microsoft.com/office/drawing/2014/main" id="{D06444A1-D846-C801-1843-B5D3769FBEE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9" name="Farvet kant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90326108" name="Logoimage" descr="{&quot;templafy&quot;:{&quot;id&quot;:&quot;227d05bd-d9ce-4d34-8fa8-419cf15e609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4" name="Titel" descr="{&quot;templafy&quot;:{&quot;id&quot;:&quot;f97d3856-58c3-4888-a026-08cd7ed8d223&quot;}}" hidden="1">
            <a:extLst>
              <a:ext uri="{FF2B5EF4-FFF2-40B4-BE49-F238E27FC236}">
                <a16:creationId xmlns:a16="http://schemas.microsoft.com/office/drawing/2014/main" id="{76512CF4-BF41-F878-4AAA-1CD07FB8E9CD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5" name="Dato" descr="{&quot;templafy&quot;:{&quot;id&quot;:&quot;50de005b-a791-46a2-b741-abdeae0f6ec5&quot;}}" hidden="1">
            <a:extLst>
              <a:ext uri="{FF2B5EF4-FFF2-40B4-BE49-F238E27FC236}">
                <a16:creationId xmlns:a16="http://schemas.microsoft.com/office/drawing/2014/main" id="{AA55FE5E-CA9B-0130-05F9-DC39BF489F6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0" name="Virksomhed" descr="{&quot;templafy&quot;:{&quot;id&quot;:&quot;838d4c5a-9746-40de-92d9-fc3911b0fb31&quot;}}">
            <a:extLst>
              <a:ext uri="{FF2B5EF4-FFF2-40B4-BE49-F238E27FC236}">
                <a16:creationId xmlns:a16="http://schemas.microsoft.com/office/drawing/2014/main" id="{CA9892D4-D260-8880-0BEE-3406F50E120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pic>
        <p:nvPicPr>
          <p:cNvPr id="881359238" name="ExtraBottomlogoimage" descr="{&quot;templafy&quot;:{&quot;id&quot;:&quot;cc5582a0-0ba8-4f96-b1e8-c4bb26ce4e0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036085761" name="ExtraToplogoimage" descr="{&quot;templafy&quot;:{&quot;id&quot;:&quot;cc83b458-fa39-4f48-93d2-6fbd13f2276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" descr="{&quot;templafy&quot;:{&quot;id&quot;:&quot;1feecb25-cfce-47a1-ba3b-0557f9e6f296&quot;}}" hidden="1">
            <a:extLst>
              <a:ext uri="{FF2B5EF4-FFF2-40B4-BE49-F238E27FC236}">
                <a16:creationId xmlns:a16="http://schemas.microsoft.com/office/drawing/2014/main" id="{E0E9FEBE-C755-D89E-411A-D30858620F0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6800" y="1989138"/>
            <a:ext cx="10371600" cy="37084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CA0F2CE-EC78-968D-9CC0-543FEC9CCD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54117980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Fire spalter - billede &amp;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ooter Placeholder 3" hidden="1">
            <a:extLst>
              <a:ext uri="{FF2B5EF4-FFF2-40B4-BE49-F238E27FC236}">
                <a16:creationId xmlns:a16="http://schemas.microsoft.com/office/drawing/2014/main" id="{A0298306-FEFE-FC79-BDB9-82F08009AF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23" name="Date Placeholder 4" hidden="1">
            <a:extLst>
              <a:ext uri="{FF2B5EF4-FFF2-40B4-BE49-F238E27FC236}">
                <a16:creationId xmlns:a16="http://schemas.microsoft.com/office/drawing/2014/main" id="{C513C651-498D-86FD-657D-5909DA7ABB5F}"/>
              </a:ext>
            </a:extLst>
          </p:cNvPr>
          <p:cNvSpPr>
            <a:spLocks noGrp="1"/>
          </p:cNvSpPr>
          <p:nvPr>
            <p:ph type="dt" sz="half" idx="26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4" name="Rektangel 19">
            <a:extLst>
              <a:ext uri="{FF2B5EF4-FFF2-40B4-BE49-F238E27FC236}">
                <a16:creationId xmlns:a16="http://schemas.microsoft.com/office/drawing/2014/main" id="{A546CCD1-DD8D-BDB4-0758-7C786C6313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455409904" name="Logoimage" descr="{&quot;templafy&quot;:{&quot;id&quot;:&quot;6074d893-f5e0-4e64-871b-95c1a89826a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347cbff0-a7b2-4d25-bf8c-701c903a1762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Amager og Hvidovre Hospital</a:t>
            </a:r>
          </a:p>
        </p:txBody>
      </p:sp>
      <p:sp>
        <p:nvSpPr>
          <p:cNvPr id="12" name="CenterFreeText" descr="{&quot;templafy&quot;:{&quot;id&quot;:&quot;db485e4c-7a27-464d-97a6-9be7e74da54e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780dab26-b288-4251-9701-824d1705bf3b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697059877" name="ExtralogoTopimage" descr="{&quot;templafy&quot;:{&quot;id&quot;:&quot;eee94820-76cd-4eec-8395-ff8897fae01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885645640" name="ExtralogoBottomimage" descr="{&quot;templafy&quot;:{&quot;id&quot;:&quot;6bd41f88-1670-4d73-98f8-56258c20ec3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268100a5-049e-4f2a-a9b6-73331ebd9101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31167ba6-57e4-420d-88a6-65aa96d75433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9" name="Dato" descr="{&quot;templafy&quot;:{&quot;id&quot;:&quot;ff670630-ca5d-4674-b53d-502a7d85974c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" name="Pladsholder til billede 2">
            <a:extLst>
              <a:ext uri="{FF2B5EF4-FFF2-40B4-BE49-F238E27FC236}">
                <a16:creationId xmlns:a16="http://schemas.microsoft.com/office/drawing/2014/main" id="{8B1C1857-CF7F-4FB3-D4BA-AD6EF25A5FF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127124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7" name="Pladsholder til billede 3">
            <a:extLst>
              <a:ext uri="{FF2B5EF4-FFF2-40B4-BE49-F238E27FC236}">
                <a16:creationId xmlns:a16="http://schemas.microsoft.com/office/drawing/2014/main" id="{2ECD75EE-FA66-41A2-A757-AB1AFB1015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810323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54F2624D-77EB-CC8D-8E80-D062C6AE711A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1288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CF000555-F63D-737C-05B0-6D976BDBCC1C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175750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71554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0CAC9A41-10B9-4C2B-A87F-4B5B339337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dato 4" hidden="1">
            <a:extLst>
              <a:ext uri="{FF2B5EF4-FFF2-40B4-BE49-F238E27FC236}">
                <a16:creationId xmlns:a16="http://schemas.microsoft.com/office/drawing/2014/main" id="{79DEA958-ECFE-47F6-B949-341CF372B1C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29046101-727D-4D00-84E4-A54DB3C6FFC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4353943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Placeholder 3" hidden="1">
            <a:extLst>
              <a:ext uri="{FF2B5EF4-FFF2-40B4-BE49-F238E27FC236}">
                <a16:creationId xmlns:a16="http://schemas.microsoft.com/office/drawing/2014/main" id="{1FA1019E-E4A6-F017-D22C-7EA82B36E9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8" name="Date Placeholder 4" hidden="1">
            <a:extLst>
              <a:ext uri="{FF2B5EF4-FFF2-40B4-BE49-F238E27FC236}">
                <a16:creationId xmlns:a16="http://schemas.microsoft.com/office/drawing/2014/main" id="{3915DFF8-A0B1-A68F-EA50-E9722FA9BCB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9" name="Rektangel 19">
            <a:extLst>
              <a:ext uri="{FF2B5EF4-FFF2-40B4-BE49-F238E27FC236}">
                <a16:creationId xmlns:a16="http://schemas.microsoft.com/office/drawing/2014/main" id="{29413298-8523-18A7-DC35-1D3D141EC5D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12902708" name="Logoimage" descr="{&quot;templafy&quot;:{&quot;id&quot;:&quot;60d1ab34-2d46-49e7-83ae-0083860e21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d04bcdfc-9327-4b26-8fc6-2b49219a6dcc&quot;}}">
            <a:extLst>
              <a:ext uri="{FF2B5EF4-FFF2-40B4-BE49-F238E27FC236}">
                <a16:creationId xmlns:a16="http://schemas.microsoft.com/office/drawing/2014/main" id="{6E4177D0-4ECE-5C88-3CD9-7D2BFE07B0E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5" name="CenterFreeText" descr="{&quot;templafy&quot;:{&quot;id&quot;:&quot;d76ad1aa-9783-4003-ab2c-62537a985b2e&quot;}}">
            <a:extLst>
              <a:ext uri="{FF2B5EF4-FFF2-40B4-BE49-F238E27FC236}">
                <a16:creationId xmlns:a16="http://schemas.microsoft.com/office/drawing/2014/main" id="{01CB1B7D-78A2-0E38-CFA0-5CD8704FF68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6" name="Center" descr="{&quot;templafy&quot;:{&quot;id&quot;:&quot;6893693b-0364-49e9-8c62-4ebf44f2ac7c&quot;}}" hidden="1">
            <a:extLst>
              <a:ext uri="{FF2B5EF4-FFF2-40B4-BE49-F238E27FC236}">
                <a16:creationId xmlns:a16="http://schemas.microsoft.com/office/drawing/2014/main" id="{675E03B9-58B8-50D7-EA99-F55BAB38154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201992743" name="ExtralogoTopimage" descr="{&quot;templafy&quot;:{&quot;id&quot;:&quot;60caf905-6e76-4244-a576-885d9295aaf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636305721" name="ExtralogoBottomimage" descr="{&quot;templafy&quot;:{&quot;id&quot;:&quot;e4417045-eeb6-4b6d-b25b-80e454c61f3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2" name="Titel" descr="{&quot;templafy&quot;:{&quot;id&quot;:&quot;2b1d2cf7-90e2-4383-8b7f-cc34cbc2f90f&quot;}}">
            <a:extLst>
              <a:ext uri="{FF2B5EF4-FFF2-40B4-BE49-F238E27FC236}">
                <a16:creationId xmlns:a16="http://schemas.microsoft.com/office/drawing/2014/main" id="{390EF528-08DA-F48D-6792-7556302B9D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b33a0174-870a-458b-a70b-c332eaff6095&quot;}}">
            <a:extLst>
              <a:ext uri="{FF2B5EF4-FFF2-40B4-BE49-F238E27FC236}">
                <a16:creationId xmlns:a16="http://schemas.microsoft.com/office/drawing/2014/main" id="{FC70ECC4-F086-4338-54CC-B924F0AD4CF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4" name="Dato" descr="{&quot;templafy&quot;:{&quot;id&quot;:&quot;ee889bf8-13a9-45f6-b804-3da2d7b617db&quot;}}">
            <a:extLst>
              <a:ext uri="{FF2B5EF4-FFF2-40B4-BE49-F238E27FC236}">
                <a16:creationId xmlns:a16="http://schemas.microsoft.com/office/drawing/2014/main" id="{435EFA30-834E-5872-DC4D-0C66F0CBD6F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5706F69D-D578-9942-BE77-6C6868C8C2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3535F46E-4C71-DB2B-F6F1-3B9D207067F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6" y="1989138"/>
            <a:ext cx="3214800" cy="3708400"/>
          </a:xfrm>
        </p:spPr>
        <p:txBody>
          <a:bodyPr vert="horz" lIns="0" tIns="0" rIns="0" bIns="0" rtlCol="0">
            <a:noAutofit/>
          </a:bodyPr>
          <a:lstStyle>
            <a:lvl1pPr marL="126000" indent="-126000">
              <a:defRPr lang="da-DK" sz="1800" noProof="0" dirty="0"/>
            </a:lvl1pPr>
            <a:lvl2pPr marL="450000" indent="-108000">
              <a:defRPr lang="da-DK" sz="1600" noProof="0" dirty="0"/>
            </a:lvl2pPr>
            <a:lvl3pPr marL="810000" indent="-108000">
              <a:defRPr lang="da-DK" sz="1400" noProof="0" dirty="0"/>
            </a:lvl3pPr>
            <a:lvl4pPr marL="1152000" indent="-90000">
              <a:defRPr lang="da-DK" sz="1200" noProof="0" dirty="0"/>
            </a:lvl4pPr>
            <a:lvl5pPr marL="1512000" indent="-90000">
              <a:defRPr lang="da-DK" sz="1000" noProof="0" dirty="0"/>
            </a:lvl5pPr>
            <a:lvl6pPr marL="1872000">
              <a:defRPr lang="da-DK" sz="1000" noProof="0" dirty="0"/>
            </a:lvl6pPr>
            <a:lvl7pPr marL="2232000">
              <a:defRPr lang="da-DK" sz="1000" noProof="0" dirty="0"/>
            </a:lvl7pPr>
            <a:lvl8pPr marL="2592000">
              <a:defRPr lang="da-DK" sz="1000" noProof="0" dirty="0"/>
            </a:lvl8pPr>
            <a:lvl9pPr marL="2952000">
              <a:defRPr lang="da-DK" sz="1000" noProof="0" dirty="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49E6F244-DD0A-5385-CD38-6B185CA84A8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7055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F2C22B-7939-93E1-838F-A77CA8AC59F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839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1797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734">
          <p15:clr>
            <a:srgbClr val="A4A3A4"/>
          </p15:clr>
        </p15:guide>
        <p15:guide id="3" pos="2963">
          <p15:clr>
            <a:srgbClr val="A4A3A4"/>
          </p15:clr>
        </p15:guide>
        <p15:guide id="4" pos="4988">
          <p15:clr>
            <a:srgbClr val="A4A3A4"/>
          </p15:clr>
        </p15:guide>
        <p15:guide id="5" pos="5215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3" hidden="1">
            <a:extLst>
              <a:ext uri="{FF2B5EF4-FFF2-40B4-BE49-F238E27FC236}">
                <a16:creationId xmlns:a16="http://schemas.microsoft.com/office/drawing/2014/main" id="{D6E8FA21-6E2F-6595-2596-174E419CD57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Date Placeholder 4" hidden="1">
            <a:extLst>
              <a:ext uri="{FF2B5EF4-FFF2-40B4-BE49-F238E27FC236}">
                <a16:creationId xmlns:a16="http://schemas.microsoft.com/office/drawing/2014/main" id="{E99B5C91-2C19-9947-3DA4-3BA27332281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93E31414-1225-47F8-9252-4C3DEBA2397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1790517" name="Logoimage" descr="{&quot;templafy&quot;:{&quot;id&quot;:&quot;7998ee09-c5dd-4c25-8895-74f76c0b3fd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74ab4b44-b60f-4994-9bbb-c6072947732e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2" name="CenterFreeText" descr="{&quot;templafy&quot;:{&quot;id&quot;:&quot;58898491-0e14-4500-8422-a9f7de9c4d0b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0cb311de-690a-4708-b93b-2e3d1a66a5b1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807402717" name="ExtralogoTopimage" descr="{&quot;templafy&quot;:{&quot;id&quot;:&quot;3af984b9-ebc5-433c-8006-72d7b820f3a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672494649" name="ExtralogoBottomimage" descr="{&quot;templafy&quot;:{&quot;id&quot;:&quot;c4757f73-3374-4aab-9f7c-fc8e114733f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a2590f3b-61ea-4c10-b016-eec322587ec8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7772f112-efaa-4040-ad5c-c73a3046a3de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9" name="Dato" descr="{&quot;templafy&quot;:{&quot;id&quot;:&quot;b5e094ad-4d50-4fc5-9222-ac60405ffbd9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4309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spalter - billede &amp;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ooter Placeholder 3" hidden="1">
            <a:extLst>
              <a:ext uri="{FF2B5EF4-FFF2-40B4-BE49-F238E27FC236}">
                <a16:creationId xmlns:a16="http://schemas.microsoft.com/office/drawing/2014/main" id="{A0298306-FEFE-FC79-BDB9-82F08009AF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23" name="Date Placeholder 4" hidden="1">
            <a:extLst>
              <a:ext uri="{FF2B5EF4-FFF2-40B4-BE49-F238E27FC236}">
                <a16:creationId xmlns:a16="http://schemas.microsoft.com/office/drawing/2014/main" id="{C513C651-498D-86FD-657D-5909DA7ABB5F}"/>
              </a:ext>
            </a:extLst>
          </p:cNvPr>
          <p:cNvSpPr>
            <a:spLocks noGrp="1"/>
          </p:cNvSpPr>
          <p:nvPr>
            <p:ph type="dt" sz="half" idx="26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4" name="Rektangel 19">
            <a:extLst>
              <a:ext uri="{FF2B5EF4-FFF2-40B4-BE49-F238E27FC236}">
                <a16:creationId xmlns:a16="http://schemas.microsoft.com/office/drawing/2014/main" id="{A546CCD1-DD8D-BDB4-0758-7C786C6313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79555244" name="Logoimage" descr="{&quot;templafy&quot;:{&quot;id&quot;:&quot;27a36f88-2b11-4cf1-abe2-5dd3472e1a9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2e6b8db4-bc07-49a7-8a97-547c43b43f96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2" name="CenterFreeText" descr="{&quot;templafy&quot;:{&quot;id&quot;:&quot;80da9088-c419-403f-aa55-153918ae8872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e42b1718-7f41-47ee-a811-5ee57fcee1f1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39963637" name="ExtralogoTopimage" descr="{&quot;templafy&quot;:{&quot;id&quot;:&quot;067ce653-32a3-424f-8409-d1a1cbe6cc3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680360119" name="ExtralogoBottomimage" descr="{&quot;templafy&quot;:{&quot;id&quot;:&quot;5f580b26-6084-4b66-b24f-08288be171b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5b2ea68e-8694-4f60-9966-e0f148156af1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4399d10c-10d8-4db1-93cf-efe644ad62d9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9" name="Dato" descr="{&quot;templafy&quot;:{&quot;id&quot;:&quot;d3e6bf5e-5d78-4cb7-a9d2-6540cd13637c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" name="Pladsholder til billede 2">
            <a:extLst>
              <a:ext uri="{FF2B5EF4-FFF2-40B4-BE49-F238E27FC236}">
                <a16:creationId xmlns:a16="http://schemas.microsoft.com/office/drawing/2014/main" id="{8B1C1857-CF7F-4FB3-D4BA-AD6EF25A5FF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127124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7" name="Pladsholder til billede 3">
            <a:extLst>
              <a:ext uri="{FF2B5EF4-FFF2-40B4-BE49-F238E27FC236}">
                <a16:creationId xmlns:a16="http://schemas.microsoft.com/office/drawing/2014/main" id="{2ECD75EE-FA66-41A2-A757-AB1AFB1015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810323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54F2624D-77EB-CC8D-8E80-D062C6AE711A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1288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CF000555-F63D-737C-05B0-6D976BDBCC1C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175750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50410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0307BEAD-FDC0-4FB2-B49D-C1D92AB629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429175851" name="Logoimage" descr="{&quot;templafy&quot;:{&quot;id&quot;:&quot;a48036db-2e72-4822-bd54-d2971034d2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5727836" name="ExtralogoBottomimage" descr="{&quot;templafy&quot;:{&quot;id&quot;:&quot;3180fb21-7a92-49e4-bd7e-842e997699f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205425075" name="ExtralogoTopimage" descr="{&quot;templafy&quot;:{&quot;id&quot;:&quot;06dbf9f6-a41a-4d7f-bc32-2c8d034e652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6" name="Virksomhed" descr="{&quot;templafy&quot;:{&quot;id&quot;:&quot;c071e1ea-fc8a-4884-b32b-d04c658cb8de&quot;}}">
            <a:extLst>
              <a:ext uri="{FF2B5EF4-FFF2-40B4-BE49-F238E27FC236}">
                <a16:creationId xmlns:a16="http://schemas.microsoft.com/office/drawing/2014/main" id="{90006F38-D602-0464-468A-715320F0B9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0" name="Titel" descr="{&quot;templafy&quot;:{&quot;id&quot;:&quot;4bb31529-ad31-4550-9bda-f405c17a3569&quot;}}">
            <a:extLst>
              <a:ext uri="{FF2B5EF4-FFF2-40B4-BE49-F238E27FC236}">
                <a16:creationId xmlns:a16="http://schemas.microsoft.com/office/drawing/2014/main" id="{E5392E6D-A960-0F47-F053-E72384FE6440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431d7fc1-0cad-4597-b5b1-a555954d20a3&quot;}}">
            <a:extLst>
              <a:ext uri="{FF2B5EF4-FFF2-40B4-BE49-F238E27FC236}">
                <a16:creationId xmlns:a16="http://schemas.microsoft.com/office/drawing/2014/main" id="{31CB95FC-BC8A-D17B-B5A3-4093AA03C1A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2" name="Dato" descr="{&quot;templafy&quot;:{&quot;id&quot;:&quot;e78364c7-3ec8-4c77-a0bf-580f7deba0fa&quot;}}">
            <a:extLst>
              <a:ext uri="{FF2B5EF4-FFF2-40B4-BE49-F238E27FC236}">
                <a16:creationId xmlns:a16="http://schemas.microsoft.com/office/drawing/2014/main" id="{2F2A97E3-54D3-A4A4-82DA-8BB45AA04A7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36014496-db18-438e-ad76-351a3ea8de6b&quot;}}">
            <a:extLst>
              <a:ext uri="{FF2B5EF4-FFF2-40B4-BE49-F238E27FC236}">
                <a16:creationId xmlns:a16="http://schemas.microsoft.com/office/drawing/2014/main" id="{08B3095F-CB4F-0FC6-E258-E25EA00F174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4" name="Center" descr="{&quot;templafy&quot;:{&quot;id&quot;:&quot;89a2d772-0004-43c7-bda9-2101fcc0495e&quot;}}" hidden="1">
            <a:extLst>
              <a:ext uri="{FF2B5EF4-FFF2-40B4-BE49-F238E27FC236}">
                <a16:creationId xmlns:a16="http://schemas.microsoft.com/office/drawing/2014/main" id="{05695839-992D-54F9-642A-759453F9B6D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43" name="Titel 1">
            <a:extLst>
              <a:ext uri="{FF2B5EF4-FFF2-40B4-BE49-F238E27FC236}">
                <a16:creationId xmlns:a16="http://schemas.microsoft.com/office/drawing/2014/main" id="{939893EA-43B4-43AB-A2B1-5287FEB459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1700213"/>
            <a:ext cx="5005388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45" name="Pladsholder til indhold 3">
            <a:extLst>
              <a:ext uri="{FF2B5EF4-FFF2-40B4-BE49-F238E27FC236}">
                <a16:creationId xmlns:a16="http://schemas.microsoft.com/office/drawing/2014/main" id="{43C927C7-BB40-4957-B24E-6E831BCE2C0D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127124" y="2818800"/>
            <a:ext cx="5005389" cy="2880000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21" name="Pladsholder til billede 2">
            <a:extLst>
              <a:ext uri="{FF2B5EF4-FFF2-40B4-BE49-F238E27FC236}">
                <a16:creationId xmlns:a16="http://schemas.microsoft.com/office/drawing/2014/main" id="{9D1524E1-A0B6-4A31-98B3-230C59DD95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19BE1E5-66C4-5F11-5280-1C2965857FB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425028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4 x billede/grafi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6" name="Rektangel 19">
            <a:extLst>
              <a:ext uri="{FF2B5EF4-FFF2-40B4-BE49-F238E27FC236}">
                <a16:creationId xmlns:a16="http://schemas.microsoft.com/office/drawing/2014/main" id="{59A81804-D36B-0D64-E30F-0B8B10E718D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872405551" name="Logoimage" descr="{&quot;templafy&quot;:{&quot;id&quot;:&quot;cc65bfd6-b244-4a20-a2f2-df8b39d20ab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222306497" name="ExtralogoBottomimage" descr="{&quot;templafy&quot;:{&quot;id&quot;:&quot;64e06491-645d-44cb-9d0e-e6fcc24ebd0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2011768955" name="ExtralogoTopimage" descr="{&quot;templafy&quot;:{&quot;id&quot;:&quot;9b84792a-927a-4b12-b621-ce9cd41d653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fd44cfa5-606c-4cf4-9c00-b06005f6b0d6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Hvidovre Hospital</a:t>
            </a:r>
          </a:p>
        </p:txBody>
      </p:sp>
      <p:sp>
        <p:nvSpPr>
          <p:cNvPr id="11" name="Titel" descr="{&quot;templafy&quot;:{&quot;id&quot;:&quot;b3b72b01-1221-49d5-8c91-b4996f3a5d8e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0ff943e7-88b3-4d5f-9c2b-0a1692b25cfb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Nanna Salling</a:t>
            </a:r>
          </a:p>
        </p:txBody>
      </p:sp>
      <p:sp>
        <p:nvSpPr>
          <p:cNvPr id="13" name="Dato" descr="{&quot;templafy&quot;:{&quot;id&quot;:&quot;98257f44-660c-4eaf-a883-85a459c66d2f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14" name="CenterFreeText" descr="{&quot;templafy&quot;:{&quot;id&quot;:&quot;ea539018-29ce-4a6b-8bd3-e10e95ca99ff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4dd87c46-2887-4f07-9538-2b1554321026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5004000" cy="190800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3070800"/>
            <a:ext cx="5004000" cy="262673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</p:txBody>
      </p:sp>
      <p:sp>
        <p:nvSpPr>
          <p:cNvPr id="18" name="Pladsholder til billede 2">
            <a:extLst>
              <a:ext uri="{FF2B5EF4-FFF2-40B4-BE49-F238E27FC236}">
                <a16:creationId xmlns:a16="http://schemas.microsoft.com/office/drawing/2014/main" id="{679FD232-1986-8B27-66F7-4586625CA36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8001" y="1"/>
            <a:ext cx="3299142" cy="2601606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9" name="Pladsholder til billede 3">
            <a:extLst>
              <a:ext uri="{FF2B5EF4-FFF2-40B4-BE49-F238E27FC236}">
                <a16:creationId xmlns:a16="http://schemas.microsoft.com/office/drawing/2014/main" id="{81561707-48CC-17B1-0A45-F4FF26B7D5CE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0220279" y="1710417"/>
            <a:ext cx="1954097" cy="1611190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A0D0BD77-D8C7-35CE-E62E-889E3F6DCC49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851288" y="2961606"/>
            <a:ext cx="2193328" cy="275077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288001CD-12FE-142F-90D6-400597BB9B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357952" y="3681607"/>
            <a:ext cx="2490354" cy="240639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95729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3748">
          <p15:clr>
            <a:srgbClr val="A4A3A4"/>
          </p15:clr>
        </p15:guide>
        <p15:guide id="3" pos="3975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8.xml"/><Relationship Id="rId13" Type="http://schemas.openxmlformats.org/officeDocument/2006/relationships/slideLayout" Target="../slideLayouts/slideLayout33.xml"/><Relationship Id="rId18" Type="http://schemas.openxmlformats.org/officeDocument/2006/relationships/slideLayout" Target="../slideLayouts/slideLayout38.xml"/><Relationship Id="rId3" Type="http://schemas.openxmlformats.org/officeDocument/2006/relationships/slideLayout" Target="../slideLayouts/slideLayout23.xml"/><Relationship Id="rId21" Type="http://schemas.openxmlformats.org/officeDocument/2006/relationships/slideLayout" Target="../slideLayouts/slideLayout41.xml"/><Relationship Id="rId7" Type="http://schemas.openxmlformats.org/officeDocument/2006/relationships/slideLayout" Target="../slideLayouts/slideLayout27.xml"/><Relationship Id="rId12" Type="http://schemas.openxmlformats.org/officeDocument/2006/relationships/slideLayout" Target="../slideLayouts/slideLayout32.xml"/><Relationship Id="rId17" Type="http://schemas.openxmlformats.org/officeDocument/2006/relationships/slideLayout" Target="../slideLayouts/slideLayout37.xml"/><Relationship Id="rId2" Type="http://schemas.openxmlformats.org/officeDocument/2006/relationships/slideLayout" Target="../slideLayouts/slideLayout22.xml"/><Relationship Id="rId16" Type="http://schemas.openxmlformats.org/officeDocument/2006/relationships/slideLayout" Target="../slideLayouts/slideLayout36.xml"/><Relationship Id="rId20" Type="http://schemas.openxmlformats.org/officeDocument/2006/relationships/slideLayout" Target="../slideLayouts/slideLayout40.xml"/><Relationship Id="rId1" Type="http://schemas.openxmlformats.org/officeDocument/2006/relationships/slideLayout" Target="../slideLayouts/slideLayout21.xml"/><Relationship Id="rId6" Type="http://schemas.openxmlformats.org/officeDocument/2006/relationships/slideLayout" Target="../slideLayouts/slideLayout26.xml"/><Relationship Id="rId11" Type="http://schemas.openxmlformats.org/officeDocument/2006/relationships/slideLayout" Target="../slideLayouts/slideLayout31.xml"/><Relationship Id="rId5" Type="http://schemas.openxmlformats.org/officeDocument/2006/relationships/slideLayout" Target="../slideLayouts/slideLayout25.xml"/><Relationship Id="rId15" Type="http://schemas.openxmlformats.org/officeDocument/2006/relationships/slideLayout" Target="../slideLayouts/slideLayout35.xml"/><Relationship Id="rId23" Type="http://schemas.openxmlformats.org/officeDocument/2006/relationships/theme" Target="../theme/theme2.xml"/><Relationship Id="rId10" Type="http://schemas.openxmlformats.org/officeDocument/2006/relationships/slideLayout" Target="../slideLayouts/slideLayout30.xml"/><Relationship Id="rId19" Type="http://schemas.openxmlformats.org/officeDocument/2006/relationships/slideLayout" Target="../slideLayouts/slideLayout39.xml"/><Relationship Id="rId4" Type="http://schemas.openxmlformats.org/officeDocument/2006/relationships/slideLayout" Target="../slideLayouts/slideLayout24.xml"/><Relationship Id="rId9" Type="http://schemas.openxmlformats.org/officeDocument/2006/relationships/slideLayout" Target="../slideLayouts/slideLayout29.xml"/><Relationship Id="rId14" Type="http://schemas.openxmlformats.org/officeDocument/2006/relationships/slideLayout" Target="../slideLayouts/slideLayout34.xml"/><Relationship Id="rId22" Type="http://schemas.openxmlformats.org/officeDocument/2006/relationships/slideLayout" Target="../slideLayouts/slideLayout4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27124" y="872078"/>
            <a:ext cx="10371600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27125" y="1993524"/>
            <a:ext cx="10369549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3000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da-DK" dirty="0"/>
          </a:p>
        </p:txBody>
      </p:sp>
      <p:sp>
        <p:nvSpPr>
          <p:cNvPr id="4" name="Dato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6" r:id="rId1"/>
    <p:sldLayoutId id="2147483693" r:id="rId2"/>
    <p:sldLayoutId id="2147483677" r:id="rId3"/>
    <p:sldLayoutId id="2147483678" r:id="rId4"/>
    <p:sldLayoutId id="2147483695" r:id="rId5"/>
    <p:sldLayoutId id="2147483696" r:id="rId6"/>
    <p:sldLayoutId id="2147483697" r:id="rId7"/>
    <p:sldLayoutId id="2147483679" r:id="rId8"/>
    <p:sldLayoutId id="2147483698" r:id="rId9"/>
    <p:sldLayoutId id="2147483699" r:id="rId10"/>
    <p:sldLayoutId id="2147483689" r:id="rId11"/>
    <p:sldLayoutId id="2147483690" r:id="rId12"/>
    <p:sldLayoutId id="2147483658" r:id="rId13"/>
    <p:sldLayoutId id="2147483692" r:id="rId14"/>
    <p:sldLayoutId id="2147483701" r:id="rId15"/>
    <p:sldLayoutId id="2147483682" r:id="rId16"/>
    <p:sldLayoutId id="2147483683" r:id="rId17"/>
    <p:sldLayoutId id="2147483686" r:id="rId18"/>
    <p:sldLayoutId id="2147483700" r:id="rId19"/>
    <p:sldLayoutId id="2147483702" r:id="rId20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" hidden="1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51999" y="871200"/>
            <a:ext cx="10344675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52000" y="1993524"/>
            <a:ext cx="10344674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504613" y="63000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1049613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4" r:id="rId1"/>
    <p:sldLayoutId id="2147483705" r:id="rId2"/>
    <p:sldLayoutId id="2147483706" r:id="rId3"/>
    <p:sldLayoutId id="2147483707" r:id="rId4"/>
    <p:sldLayoutId id="2147483708" r:id="rId5"/>
    <p:sldLayoutId id="2147483709" r:id="rId6"/>
    <p:sldLayoutId id="2147483710" r:id="rId7"/>
    <p:sldLayoutId id="2147483711" r:id="rId8"/>
    <p:sldLayoutId id="2147483712" r:id="rId9"/>
    <p:sldLayoutId id="2147483713" r:id="rId10"/>
    <p:sldLayoutId id="2147483714" r:id="rId11"/>
    <p:sldLayoutId id="2147483715" r:id="rId12"/>
    <p:sldLayoutId id="2147483716" r:id="rId13"/>
    <p:sldLayoutId id="2147483717" r:id="rId14"/>
    <p:sldLayoutId id="2147483718" r:id="rId15"/>
    <p:sldLayoutId id="2147483719" r:id="rId16"/>
    <p:sldLayoutId id="2147483720" r:id="rId17"/>
    <p:sldLayoutId id="2147483721" r:id="rId18"/>
    <p:sldLayoutId id="2147483722" r:id="rId19"/>
    <p:sldLayoutId id="2147483723" r:id="rId20"/>
    <p:sldLayoutId id="2147483724" r:id="rId21"/>
    <p:sldLayoutId id="2147483725" r:id="rId22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>
          <p15:clr>
            <a:srgbClr val="F26B43"/>
          </p15:clr>
        </p15:guide>
        <p15:guide id="6" orient="horz" pos="1253">
          <p15:clr>
            <a:srgbClr val="F26B43"/>
          </p15:clr>
        </p15:guide>
        <p15:guide id="7" orient="horz" pos="3589">
          <p15:clr>
            <a:srgbClr val="F26B43"/>
          </p15:clr>
        </p15:guide>
        <p15:guide id="10" pos="710">
          <p15:clr>
            <a:srgbClr val="F26B43"/>
          </p15:clr>
        </p15:guide>
        <p15:guide id="11" pos="7242">
          <p15:clr>
            <a:srgbClr val="F26B43"/>
          </p15:clr>
        </p15:guide>
        <p15:guide id="12" pos="3863">
          <p15:clr>
            <a:srgbClr val="F26B43"/>
          </p15:clr>
        </p15:guide>
        <p15:guide id="13" pos="4089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4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svg"/><Relationship Id="rId13" Type="http://schemas.openxmlformats.org/officeDocument/2006/relationships/image" Target="../media/image33.pn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12" Type="http://schemas.openxmlformats.org/officeDocument/2006/relationships/image" Target="../media/image32.sv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42.xml"/><Relationship Id="rId6" Type="http://schemas.openxmlformats.org/officeDocument/2006/relationships/image" Target="../media/image26.svg"/><Relationship Id="rId11" Type="http://schemas.openxmlformats.org/officeDocument/2006/relationships/image" Target="../media/image31.svg"/><Relationship Id="rId5" Type="http://schemas.openxmlformats.org/officeDocument/2006/relationships/image" Target="../media/image25.png"/><Relationship Id="rId10" Type="http://schemas.openxmlformats.org/officeDocument/2006/relationships/image" Target="../media/image30.svg"/><Relationship Id="rId4" Type="http://schemas.openxmlformats.org/officeDocument/2006/relationships/image" Target="../media/image24.png"/><Relationship Id="rId9" Type="http://schemas.openxmlformats.org/officeDocument/2006/relationships/image" Target="../media/image29.png"/><Relationship Id="rId14" Type="http://schemas.openxmlformats.org/officeDocument/2006/relationships/image" Target="../media/image34.sv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20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4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0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40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41.xml"/><Relationship Id="rId5" Type="http://schemas.openxmlformats.org/officeDocument/2006/relationships/image" Target="../media/image39.png"/><Relationship Id="rId4" Type="http://schemas.openxmlformats.org/officeDocument/2006/relationships/image" Target="../media/image38.sv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2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40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image" Target="../media/image6.pn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2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23.xml"/><Relationship Id="rId6" Type="http://schemas.openxmlformats.org/officeDocument/2006/relationships/diagramColors" Target="../diagrams/colors2.xml"/><Relationship Id="rId5" Type="http://schemas.openxmlformats.org/officeDocument/2006/relationships/diagramQuickStyle" Target="../diagrams/quickStyle2.xml"/><Relationship Id="rId4" Type="http://schemas.openxmlformats.org/officeDocument/2006/relationships/diagramLayout" Target="../diagrams/layout2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23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3.xml"/><Relationship Id="rId7" Type="http://schemas.microsoft.com/office/2007/relationships/diagramDrawing" Target="../diagrams/drawing3.xml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23.xml"/><Relationship Id="rId6" Type="http://schemas.openxmlformats.org/officeDocument/2006/relationships/diagramColors" Target="../diagrams/colors3.xml"/><Relationship Id="rId5" Type="http://schemas.openxmlformats.org/officeDocument/2006/relationships/diagramQuickStyle" Target="../diagrams/quickStyle3.xml"/><Relationship Id="rId4" Type="http://schemas.openxmlformats.org/officeDocument/2006/relationships/diagramLayout" Target="../diagrams/layout3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4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4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14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14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14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6.png"/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14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jpe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1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svg"/><Relationship Id="rId13" Type="http://schemas.openxmlformats.org/officeDocument/2006/relationships/image" Target="../media/image21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12" Type="http://schemas.openxmlformats.org/officeDocument/2006/relationships/image" Target="../media/image20.sv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3.xml"/><Relationship Id="rId6" Type="http://schemas.openxmlformats.org/officeDocument/2006/relationships/image" Target="../media/image14.svg"/><Relationship Id="rId11" Type="http://schemas.openxmlformats.org/officeDocument/2006/relationships/image" Target="../media/image19.png"/><Relationship Id="rId5" Type="http://schemas.openxmlformats.org/officeDocument/2006/relationships/image" Target="../media/image13.png"/><Relationship Id="rId10" Type="http://schemas.openxmlformats.org/officeDocument/2006/relationships/image" Target="../media/image18.svg"/><Relationship Id="rId4" Type="http://schemas.openxmlformats.org/officeDocument/2006/relationships/image" Target="../media/image12.svg"/><Relationship Id="rId9" Type="http://schemas.openxmlformats.org/officeDocument/2006/relationships/image" Target="../media/image17.png"/><Relationship Id="rId14" Type="http://schemas.openxmlformats.org/officeDocument/2006/relationships/image" Target="../media/image22.sv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97BA4BC-6CCD-4E30-E92C-8CADB91131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3013" y="4119729"/>
            <a:ext cx="10371600" cy="828000"/>
          </a:xfrm>
        </p:spPr>
        <p:txBody>
          <a:bodyPr/>
          <a:lstStyle/>
          <a:p>
            <a:r>
              <a:rPr lang="da-DK" dirty="0"/>
              <a:t>Overlægerådsmøde om sundhedsreformen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0946595-115B-3C55-3139-4D5E918CBA6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292690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>
            <a:extLst>
              <a:ext uri="{FF2B5EF4-FFF2-40B4-BE49-F238E27FC236}">
                <a16:creationId xmlns:a16="http://schemas.microsoft.com/office/drawing/2014/main" id="{111C3EBF-1B4B-4765-96BA-549E983DBBA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005C8D"/>
                </a:solidFill>
                <a:effectLst/>
                <a:uLnTx/>
                <a:uFillTx/>
                <a:latin typeface="Raleway"/>
                <a:ea typeface="+mn-ea"/>
                <a:cs typeface="+mn-cs"/>
              </a:rPr>
              <a:t>Side </a:t>
            </a:r>
            <a:fld id="{24C8C45C-947F-4981-8B3F-4F32E973C901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rgbClr val="005C8D"/>
                </a:solidFill>
                <a:effectLst/>
                <a:uLnTx/>
                <a:uFillTx/>
                <a:latin typeface="Raleway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rgbClr val="005C8D"/>
              </a:solidFill>
              <a:effectLst/>
              <a:uLnTx/>
              <a:uFillTx/>
              <a:latin typeface="Raleway"/>
              <a:ea typeface="+mn-ea"/>
              <a:cs typeface="+mn-cs"/>
            </a:endParaRPr>
          </a:p>
        </p:txBody>
      </p:sp>
      <p:grpSp>
        <p:nvGrpSpPr>
          <p:cNvPr id="7" name="Gruppe 6">
            <a:extLst>
              <a:ext uri="{FF2B5EF4-FFF2-40B4-BE49-F238E27FC236}">
                <a16:creationId xmlns:a16="http://schemas.microsoft.com/office/drawing/2014/main" id="{5CBADEFF-8A8D-41E2-8855-26E6761B711F}"/>
              </a:ext>
            </a:extLst>
          </p:cNvPr>
          <p:cNvGrpSpPr/>
          <p:nvPr/>
        </p:nvGrpSpPr>
        <p:grpSpPr>
          <a:xfrm>
            <a:off x="0" y="14899"/>
            <a:ext cx="12192000" cy="6828201"/>
            <a:chOff x="0" y="14899"/>
            <a:chExt cx="12192000" cy="6828201"/>
          </a:xfrm>
          <a:noFill/>
        </p:grpSpPr>
        <p:pic>
          <p:nvPicPr>
            <p:cNvPr id="3" name="Billede 2">
              <a:extLst>
                <a:ext uri="{FF2B5EF4-FFF2-40B4-BE49-F238E27FC236}">
                  <a16:creationId xmlns:a16="http://schemas.microsoft.com/office/drawing/2014/main" id="{670F7FF3-6A18-4169-B427-F400E2D45424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0" y="14899"/>
              <a:ext cx="12192000" cy="6828201"/>
            </a:xfrm>
            <a:prstGeom prst="rect">
              <a:avLst/>
            </a:prstGeom>
            <a:grpFill/>
          </p:spPr>
        </p:pic>
        <p:sp>
          <p:nvSpPr>
            <p:cNvPr id="4" name="Rektangel 3">
              <a:extLst>
                <a:ext uri="{FF2B5EF4-FFF2-40B4-BE49-F238E27FC236}">
                  <a16:creationId xmlns:a16="http://schemas.microsoft.com/office/drawing/2014/main" id="{2ED49FC1-DEA2-4EB2-83BB-F5721239FC9E}"/>
                </a:ext>
              </a:extLst>
            </p:cNvPr>
            <p:cNvSpPr/>
            <p:nvPr/>
          </p:nvSpPr>
          <p:spPr>
            <a:xfrm>
              <a:off x="6096000" y="486032"/>
              <a:ext cx="5539946" cy="939114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2000" b="0" i="0" u="none" strike="noStrike" kern="1200" cap="none" spc="0" normalizeH="0" baseline="0" noProof="0" dirty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aleway"/>
                <a:ea typeface="+mn-ea"/>
                <a:cs typeface="+mn-cs"/>
              </a:endParaRPr>
            </a:p>
          </p:txBody>
        </p:sp>
        <p:sp>
          <p:nvSpPr>
            <p:cNvPr id="5" name="Rektangel 4">
              <a:extLst>
                <a:ext uri="{FF2B5EF4-FFF2-40B4-BE49-F238E27FC236}">
                  <a16:creationId xmlns:a16="http://schemas.microsoft.com/office/drawing/2014/main" id="{875D3A2C-19B1-417B-ACD3-0498034A2F9A}"/>
                </a:ext>
              </a:extLst>
            </p:cNvPr>
            <p:cNvSpPr/>
            <p:nvPr/>
          </p:nvSpPr>
          <p:spPr>
            <a:xfrm>
              <a:off x="556054" y="486032"/>
              <a:ext cx="5539946" cy="939114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2000" b="0" i="0" u="none" strike="noStrike" kern="1200" cap="none" spc="0" normalizeH="0" baseline="0" noProof="0" dirty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aleway"/>
                <a:ea typeface="+mn-ea"/>
                <a:cs typeface="+mn-cs"/>
              </a:endParaRPr>
            </a:p>
          </p:txBody>
        </p:sp>
        <p:sp>
          <p:nvSpPr>
            <p:cNvPr id="6" name="Rektangel 5">
              <a:extLst>
                <a:ext uri="{FF2B5EF4-FFF2-40B4-BE49-F238E27FC236}">
                  <a16:creationId xmlns:a16="http://schemas.microsoft.com/office/drawing/2014/main" id="{7CAF8C9A-2DD8-4A21-8F31-0EC81C08BEBE}"/>
                </a:ext>
              </a:extLst>
            </p:cNvPr>
            <p:cNvSpPr/>
            <p:nvPr/>
          </p:nvSpPr>
          <p:spPr>
            <a:xfrm>
              <a:off x="11635946" y="6468417"/>
              <a:ext cx="300681" cy="180000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2000" b="0" i="0" u="none" strike="noStrike" kern="1200" cap="none" spc="0" normalizeH="0" baseline="0" noProof="0" dirty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aleway"/>
                <a:ea typeface="+mn-ea"/>
                <a:cs typeface="+mn-cs"/>
              </a:endParaRPr>
            </a:p>
          </p:txBody>
        </p:sp>
      </p:grpSp>
      <p:sp>
        <p:nvSpPr>
          <p:cNvPr id="8" name="Titel 1">
            <a:extLst>
              <a:ext uri="{FF2B5EF4-FFF2-40B4-BE49-F238E27FC236}">
                <a16:creationId xmlns:a16="http://schemas.microsoft.com/office/drawing/2014/main" id="{10DE84A4-BE5E-4ED8-A3DB-DC9002B8193E}"/>
              </a:ext>
            </a:extLst>
          </p:cNvPr>
          <p:cNvSpPr txBox="1">
            <a:spLocks/>
          </p:cNvSpPr>
          <p:nvPr/>
        </p:nvSpPr>
        <p:spPr>
          <a:xfrm>
            <a:off x="432000" y="632970"/>
            <a:ext cx="11328000" cy="934890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3000" b="1" kern="120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83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000" b="1" i="0" u="none" strike="noStrike" kern="1200" cap="none" spc="0" normalizeH="0" baseline="0" noProof="0" dirty="0">
              <a:ln>
                <a:noFill/>
              </a:ln>
              <a:solidFill>
                <a:srgbClr val="005C8D"/>
              </a:solidFill>
              <a:effectLst/>
              <a:uLnTx/>
              <a:uFillTx/>
              <a:latin typeface="Raleway ExtraBold"/>
              <a:ea typeface="+mj-ea"/>
              <a:cs typeface="+mj-cs"/>
            </a:endParaRPr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F713737B-4015-0821-8E75-2A23660F601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320413" y="3504414"/>
            <a:ext cx="255639" cy="492341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D13C1800-5880-C8F7-3995-F8D136B61D3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36966" y="3495710"/>
            <a:ext cx="255639" cy="492341"/>
          </a:xfrm>
          <a:prstGeom prst="rect">
            <a:avLst/>
          </a:prstGeom>
        </p:spPr>
      </p:pic>
      <p:sp>
        <p:nvSpPr>
          <p:cNvPr id="9" name="Ellipse 8">
            <a:extLst>
              <a:ext uri="{FF2B5EF4-FFF2-40B4-BE49-F238E27FC236}">
                <a16:creationId xmlns:a16="http://schemas.microsoft.com/office/drawing/2014/main" id="{C9526C66-C171-931A-4D20-46FA1F166D05}"/>
              </a:ext>
            </a:extLst>
          </p:cNvPr>
          <p:cNvSpPr/>
          <p:nvPr/>
        </p:nvSpPr>
        <p:spPr>
          <a:xfrm>
            <a:off x="1465005" y="3269168"/>
            <a:ext cx="3883743" cy="1435509"/>
          </a:xfrm>
          <a:prstGeom prst="ellipse">
            <a:avLst/>
          </a:prstGeom>
          <a:solidFill>
            <a:srgbClr val="D9F0FF"/>
          </a:solidFill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pic>
        <p:nvPicPr>
          <p:cNvPr id="15" name="Grafik 14" descr="Kvinde med massiv udfyldning">
            <a:extLst>
              <a:ext uri="{FF2B5EF4-FFF2-40B4-BE49-F238E27FC236}">
                <a16:creationId xmlns:a16="http://schemas.microsoft.com/office/drawing/2014/main" id="{EA0EF4CD-5A6E-FAF2-939D-A169C6AE996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469630" y="3558219"/>
            <a:ext cx="345188" cy="345188"/>
          </a:xfrm>
          <a:prstGeom prst="rect">
            <a:avLst/>
          </a:prstGeom>
        </p:spPr>
      </p:pic>
      <p:pic>
        <p:nvPicPr>
          <p:cNvPr id="17" name="Grafik 16" descr="Mand med massiv udfyldning">
            <a:extLst>
              <a:ext uri="{FF2B5EF4-FFF2-40B4-BE49-F238E27FC236}">
                <a16:creationId xmlns:a16="http://schemas.microsoft.com/office/drawing/2014/main" id="{7A8D384F-C2AB-BB23-DF6A-B5B1DACB2A3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641778" y="3566008"/>
            <a:ext cx="336340" cy="336340"/>
          </a:xfrm>
          <a:prstGeom prst="rect">
            <a:avLst/>
          </a:prstGeom>
        </p:spPr>
      </p:pic>
      <p:pic>
        <p:nvPicPr>
          <p:cNvPr id="19" name="Grafik 18" descr="Kvinde med massiv udfyldning">
            <a:extLst>
              <a:ext uri="{FF2B5EF4-FFF2-40B4-BE49-F238E27FC236}">
                <a16:creationId xmlns:a16="http://schemas.microsoft.com/office/drawing/2014/main" id="{06EF79CF-10D2-23A5-167C-1D647C63BB2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810115" y="3568051"/>
            <a:ext cx="345188" cy="345188"/>
          </a:xfrm>
          <a:prstGeom prst="rect">
            <a:avLst/>
          </a:prstGeom>
        </p:spPr>
      </p:pic>
      <p:pic>
        <p:nvPicPr>
          <p:cNvPr id="20" name="Grafik 19" descr="Kvinde med massiv udfyldning">
            <a:extLst>
              <a:ext uri="{FF2B5EF4-FFF2-40B4-BE49-F238E27FC236}">
                <a16:creationId xmlns:a16="http://schemas.microsoft.com/office/drawing/2014/main" id="{8D1A4F01-BF77-AB99-E733-201A71F569F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3168080" y="3575084"/>
            <a:ext cx="345188" cy="334297"/>
          </a:xfrm>
          <a:prstGeom prst="rect">
            <a:avLst/>
          </a:prstGeom>
        </p:spPr>
      </p:pic>
      <p:pic>
        <p:nvPicPr>
          <p:cNvPr id="21" name="Grafik 20" descr="Kvinde med massiv udfyldning">
            <a:extLst>
              <a:ext uri="{FF2B5EF4-FFF2-40B4-BE49-F238E27FC236}">
                <a16:creationId xmlns:a16="http://schemas.microsoft.com/office/drawing/2014/main" id="{27867D42-6F16-E3C2-7BE6-E81966865E4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 flipH="1">
            <a:off x="3497276" y="3581252"/>
            <a:ext cx="376728" cy="345188"/>
          </a:xfrm>
          <a:prstGeom prst="rect">
            <a:avLst/>
          </a:prstGeom>
        </p:spPr>
      </p:pic>
      <p:pic>
        <p:nvPicPr>
          <p:cNvPr id="22" name="Grafik 21" descr="Kvinde med massiv udfyldning">
            <a:extLst>
              <a:ext uri="{FF2B5EF4-FFF2-40B4-BE49-F238E27FC236}">
                <a16:creationId xmlns:a16="http://schemas.microsoft.com/office/drawing/2014/main" id="{5A378053-1299-BDCC-908D-7749C2E0280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3860218" y="3586995"/>
            <a:ext cx="345188" cy="345188"/>
          </a:xfrm>
          <a:prstGeom prst="rect">
            <a:avLst/>
          </a:prstGeom>
        </p:spPr>
      </p:pic>
      <p:pic>
        <p:nvPicPr>
          <p:cNvPr id="23" name="Grafik 22" descr="Kvinde med massiv udfyldning">
            <a:extLst>
              <a:ext uri="{FF2B5EF4-FFF2-40B4-BE49-F238E27FC236}">
                <a16:creationId xmlns:a16="http://schemas.microsoft.com/office/drawing/2014/main" id="{552CA093-9472-C232-1625-C97E56D2F95B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3073980" y="4220514"/>
            <a:ext cx="345188" cy="345188"/>
          </a:xfrm>
          <a:prstGeom prst="rect">
            <a:avLst/>
          </a:prstGeom>
        </p:spPr>
      </p:pic>
      <p:pic>
        <p:nvPicPr>
          <p:cNvPr id="24" name="Grafik 23" descr="Kvinde med massiv udfyldning">
            <a:extLst>
              <a:ext uri="{FF2B5EF4-FFF2-40B4-BE49-F238E27FC236}">
                <a16:creationId xmlns:a16="http://schemas.microsoft.com/office/drawing/2014/main" id="{11C02331-8920-E9D6-4682-1551585D832F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3428945" y="4217092"/>
            <a:ext cx="345188" cy="345188"/>
          </a:xfrm>
          <a:prstGeom prst="rect">
            <a:avLst/>
          </a:prstGeom>
        </p:spPr>
      </p:pic>
      <p:pic>
        <p:nvPicPr>
          <p:cNvPr id="25" name="Grafik 24" descr="Kvinde med massiv udfyldning">
            <a:extLst>
              <a:ext uri="{FF2B5EF4-FFF2-40B4-BE49-F238E27FC236}">
                <a16:creationId xmlns:a16="http://schemas.microsoft.com/office/drawing/2014/main" id="{2D4AE096-FC0E-0494-16A2-C5C67F8FB9D2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3776986" y="4213127"/>
            <a:ext cx="345188" cy="345188"/>
          </a:xfrm>
          <a:prstGeom prst="rect">
            <a:avLst/>
          </a:prstGeom>
        </p:spPr>
      </p:pic>
      <p:pic>
        <p:nvPicPr>
          <p:cNvPr id="27" name="Grafik 26" descr="Kvinde med massiv udfyldning">
            <a:extLst>
              <a:ext uri="{FF2B5EF4-FFF2-40B4-BE49-F238E27FC236}">
                <a16:creationId xmlns:a16="http://schemas.microsoft.com/office/drawing/2014/main" id="{34DF37B0-4B4A-E17B-E704-B783150CE16B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3944140" y="4211801"/>
            <a:ext cx="345188" cy="345188"/>
          </a:xfrm>
          <a:prstGeom prst="rect">
            <a:avLst/>
          </a:prstGeom>
        </p:spPr>
      </p:pic>
      <p:pic>
        <p:nvPicPr>
          <p:cNvPr id="28" name="Grafik 27" descr="Kvinde med massiv udfyldning">
            <a:extLst>
              <a:ext uri="{FF2B5EF4-FFF2-40B4-BE49-F238E27FC236}">
                <a16:creationId xmlns:a16="http://schemas.microsoft.com/office/drawing/2014/main" id="{78E9D8F5-C8AE-907F-AC88-FCD866A33498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2728847" y="4216916"/>
            <a:ext cx="345188" cy="345188"/>
          </a:xfrm>
          <a:prstGeom prst="rect">
            <a:avLst/>
          </a:prstGeom>
        </p:spPr>
      </p:pic>
      <p:pic>
        <p:nvPicPr>
          <p:cNvPr id="29" name="Grafik 28" descr="Mand med massiv udfyldning">
            <a:extLst>
              <a:ext uri="{FF2B5EF4-FFF2-40B4-BE49-F238E27FC236}">
                <a16:creationId xmlns:a16="http://schemas.microsoft.com/office/drawing/2014/main" id="{2C419B86-6051-005A-BBA0-3543CAB382D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992200" y="3573041"/>
            <a:ext cx="336340" cy="336340"/>
          </a:xfrm>
          <a:prstGeom prst="rect">
            <a:avLst/>
          </a:prstGeom>
        </p:spPr>
      </p:pic>
      <p:pic>
        <p:nvPicPr>
          <p:cNvPr id="30" name="Grafik 29" descr="Mand med massiv udfyldning">
            <a:extLst>
              <a:ext uri="{FF2B5EF4-FFF2-40B4-BE49-F238E27FC236}">
                <a16:creationId xmlns:a16="http://schemas.microsoft.com/office/drawing/2014/main" id="{B30E5490-238E-BB28-5AE7-F0D8F1EBCDF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338959" y="3591647"/>
            <a:ext cx="336340" cy="336340"/>
          </a:xfrm>
          <a:prstGeom prst="rect">
            <a:avLst/>
          </a:prstGeom>
        </p:spPr>
      </p:pic>
      <p:pic>
        <p:nvPicPr>
          <p:cNvPr id="31" name="Grafik 30" descr="Mand med massiv udfyldning">
            <a:extLst>
              <a:ext uri="{FF2B5EF4-FFF2-40B4-BE49-F238E27FC236}">
                <a16:creationId xmlns:a16="http://schemas.microsoft.com/office/drawing/2014/main" id="{8CA59C13-FAC6-AB87-E76B-0587C40BC82E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4036501" y="3591828"/>
            <a:ext cx="336340" cy="336340"/>
          </a:xfrm>
          <a:prstGeom prst="rect">
            <a:avLst/>
          </a:prstGeom>
        </p:spPr>
      </p:pic>
      <p:pic>
        <p:nvPicPr>
          <p:cNvPr id="32" name="Grafik 31" descr="Mand med massiv udfyldning">
            <a:extLst>
              <a:ext uri="{FF2B5EF4-FFF2-40B4-BE49-F238E27FC236}">
                <a16:creationId xmlns:a16="http://schemas.microsoft.com/office/drawing/2014/main" id="{8BC12146-B60B-C19D-815F-622A3EA6CB94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3260775" y="4228286"/>
            <a:ext cx="336340" cy="336340"/>
          </a:xfrm>
          <a:prstGeom prst="rect">
            <a:avLst/>
          </a:prstGeom>
        </p:spPr>
      </p:pic>
      <p:pic>
        <p:nvPicPr>
          <p:cNvPr id="33" name="Grafik 32" descr="Mand med massiv udfyldning">
            <a:extLst>
              <a:ext uri="{FF2B5EF4-FFF2-40B4-BE49-F238E27FC236}">
                <a16:creationId xmlns:a16="http://schemas.microsoft.com/office/drawing/2014/main" id="{0C4083F2-E8D5-E1A8-3AC9-C6D63F1A8CDD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2912881" y="4223954"/>
            <a:ext cx="336340" cy="336340"/>
          </a:xfrm>
          <a:prstGeom prst="rect">
            <a:avLst/>
          </a:prstGeom>
        </p:spPr>
      </p:pic>
      <p:pic>
        <p:nvPicPr>
          <p:cNvPr id="34" name="Grafik 33" descr="Mand med massiv udfyldning">
            <a:extLst>
              <a:ext uri="{FF2B5EF4-FFF2-40B4-BE49-F238E27FC236}">
                <a16:creationId xmlns:a16="http://schemas.microsoft.com/office/drawing/2014/main" id="{791677DA-23A8-23CF-15DD-0BB3F6EE8453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3605982" y="4227877"/>
            <a:ext cx="336340" cy="336340"/>
          </a:xfrm>
          <a:prstGeom prst="rect">
            <a:avLst/>
          </a:prstGeom>
        </p:spPr>
      </p:pic>
      <p:pic>
        <p:nvPicPr>
          <p:cNvPr id="35" name="Grafik 34" descr="Mand med massiv udfyldning">
            <a:extLst>
              <a:ext uri="{FF2B5EF4-FFF2-40B4-BE49-F238E27FC236}">
                <a16:creationId xmlns:a16="http://schemas.microsoft.com/office/drawing/2014/main" id="{DE2474E2-95ED-92C1-B59D-A6B3E8A3EA10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2568678" y="4222952"/>
            <a:ext cx="336340" cy="336340"/>
          </a:xfrm>
          <a:prstGeom prst="rect">
            <a:avLst/>
          </a:prstGeom>
        </p:spPr>
      </p:pic>
      <p:pic>
        <p:nvPicPr>
          <p:cNvPr id="36" name="Grafik 35" descr="Mand med massiv udfyldning">
            <a:extLst>
              <a:ext uri="{FF2B5EF4-FFF2-40B4-BE49-F238E27FC236}">
                <a16:creationId xmlns:a16="http://schemas.microsoft.com/office/drawing/2014/main" id="{5141F836-D093-577F-DDA6-EC71BE1A0DE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701811" y="3592246"/>
            <a:ext cx="336340" cy="3363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0082244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3" name="Pladsholder til indhold 182">
            <a:extLst>
              <a:ext uri="{FF2B5EF4-FFF2-40B4-BE49-F238E27FC236}">
                <a16:creationId xmlns:a16="http://schemas.microsoft.com/office/drawing/2014/main" id="{F0336B26-CA14-DB47-CA21-35400D902547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3306618" y="641872"/>
            <a:ext cx="8190056" cy="6049779"/>
          </a:xfrm>
          <a:prstGeom prst="rect">
            <a:avLst/>
          </a:prstGeo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E5E1F62-7482-E92E-A807-43DF9A4647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ctr" defTabSz="914400" rtl="0" eaLnBrk="1" latinLnBrk="0" hangingPunct="1">
              <a:defRPr lang="da-DK" sz="9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0DAB5548-7253-48D6-B95B-F3D312A72220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A52234D-C9FB-9886-D7D3-86B3588B00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br>
              <a:rPr lang="da-DK" sz="2800" dirty="0"/>
            </a:br>
            <a:r>
              <a:rPr lang="da-DK" sz="2800" dirty="0"/>
              <a:t>Sundhedsråd i </a:t>
            </a:r>
            <a:br>
              <a:rPr lang="da-DK" sz="2800" dirty="0"/>
            </a:br>
            <a:r>
              <a:rPr lang="da-DK" sz="2800" dirty="0"/>
              <a:t>Region Østdanmark</a:t>
            </a:r>
            <a:endParaRPr lang="da-DK" dirty="0"/>
          </a:p>
        </p:txBody>
      </p:sp>
      <p:sp>
        <p:nvSpPr>
          <p:cNvPr id="3" name="Rektangel 2">
            <a:extLst>
              <a:ext uri="{FF2B5EF4-FFF2-40B4-BE49-F238E27FC236}">
                <a16:creationId xmlns:a16="http://schemas.microsoft.com/office/drawing/2014/main" id="{2B537BAB-BAD6-1AD3-62EA-04CBE8BF00AE}"/>
              </a:ext>
            </a:extLst>
          </p:cNvPr>
          <p:cNvSpPr/>
          <p:nvPr/>
        </p:nvSpPr>
        <p:spPr>
          <a:xfrm>
            <a:off x="9491241" y="5335929"/>
            <a:ext cx="2005433" cy="1133271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Optageområdet er uændret og inkluderer dele af København</a:t>
            </a:r>
          </a:p>
        </p:txBody>
      </p:sp>
    </p:spTree>
    <p:extLst>
      <p:ext uri="{BB962C8B-B14F-4D97-AF65-F5344CB8AC3E}">
        <p14:creationId xmlns:p14="http://schemas.microsoft.com/office/powerpoint/2010/main" val="200039985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975DD2E-ACF8-AA75-0CAF-14F51EB6A4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799" y="871200"/>
            <a:ext cx="10369875" cy="828000"/>
          </a:xfrm>
        </p:spPr>
        <p:txBody>
          <a:bodyPr anchor="b">
            <a:normAutofit/>
          </a:bodyPr>
          <a:lstStyle/>
          <a:p>
            <a:r>
              <a:rPr lang="da-DK" dirty="0"/>
              <a:t>Sundhedsrådet for Amager og Vestegne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8696AAB-B5D5-564B-A0A1-FB740A4DE26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6799" y="1989138"/>
            <a:ext cx="6894983" cy="3708400"/>
          </a:xfrm>
        </p:spPr>
        <p:txBody>
          <a:bodyPr>
            <a:noAutofit/>
          </a:bodyPr>
          <a:lstStyle/>
          <a:p>
            <a:pPr>
              <a:lnSpc>
                <a:spcPct val="90000"/>
              </a:lnSpc>
            </a:pPr>
            <a:r>
              <a:rPr lang="da-DK" sz="1600" dirty="0"/>
              <a:t>Består af 9 kommunale politikere og 10 politikere fra Regionsrådet. Formanden bliver fra Enhedslisten.</a:t>
            </a:r>
          </a:p>
          <a:p>
            <a:pPr>
              <a:lnSpc>
                <a:spcPct val="90000"/>
              </a:lnSpc>
            </a:pPr>
            <a:r>
              <a:rPr lang="da-DK" sz="1600" dirty="0"/>
              <a:t>Sundhedsrådet skal arbejde inden for de rammer, som fastlægges af Regionsrådet.</a:t>
            </a:r>
          </a:p>
          <a:p>
            <a:pPr>
              <a:lnSpc>
                <a:spcPct val="90000"/>
              </a:lnSpc>
            </a:pPr>
            <a:r>
              <a:rPr lang="da-DK" sz="1600" dirty="0"/>
              <a:t>Regionen har stemmeflertal og standsningsret for de sager, der er i udvalget, dvs. ret til at tage en sag af dagsordenen og sætte den på Regionsrådet i stedet.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dirty="0"/>
              <a:t>Det forberedende sundhedsråd starter 1. januar 2026 og skal bl.a. beslutte:</a:t>
            </a:r>
          </a:p>
          <a:p>
            <a:pPr lvl="1">
              <a:lnSpc>
                <a:spcPct val="90000"/>
              </a:lnSpc>
              <a:spcAft>
                <a:spcPts val="600"/>
              </a:spcAft>
            </a:pPr>
            <a:r>
              <a:rPr lang="da-DK" dirty="0"/>
              <a:t>Drift af opgaver, der overdrages til regionen fra kommunerne</a:t>
            </a:r>
          </a:p>
          <a:p>
            <a:pPr lvl="1">
              <a:lnSpc>
                <a:spcPct val="90000"/>
              </a:lnSpc>
            </a:pPr>
            <a:r>
              <a:rPr lang="da-DK" dirty="0"/>
              <a:t>En nærsundhedsplan – herunder opbygge nye hjemmebehandlingsteams, der skal understøtte døgndækket hjemmebehandling, og som kan sikre behandling og monitorering af borgere tæt på eller i eget hjem. </a:t>
            </a:r>
          </a:p>
          <a:p>
            <a:pPr>
              <a:lnSpc>
                <a:spcPct val="90000"/>
              </a:lnSpc>
            </a:pPr>
            <a:endParaRPr lang="da-DK" sz="1600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6C81ACD7-52BE-4666-EEC6-4A11D16C8B51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6313" t="9399" r="3840" b="8735"/>
          <a:stretch/>
        </p:blipFill>
        <p:spPr>
          <a:xfrm>
            <a:off x="8575938" y="1989538"/>
            <a:ext cx="2767250" cy="3708000"/>
          </a:xfrm>
          <a:prstGeom prst="rect">
            <a:avLst/>
          </a:prstGeom>
          <a:noFill/>
        </p:spPr>
      </p:pic>
      <p:sp>
        <p:nvSpPr>
          <p:cNvPr id="10" name="Slide Number Placeholder 4">
            <a:extLst>
              <a:ext uri="{FF2B5EF4-FFF2-40B4-BE49-F238E27FC236}">
                <a16:creationId xmlns:a16="http://schemas.microsoft.com/office/drawing/2014/main" id="{6BA42870-10F3-6453-56C7-342C43645FB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04613" y="6300000"/>
            <a:ext cx="687386" cy="180000"/>
          </a:xfrm>
        </p:spPr>
        <p:txBody>
          <a:bodyPr/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12</a:t>
            </a:fld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FF761D2-B439-DCD8-6FB1-A29CC5BF256A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1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5167599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D95C5A0D-A49E-7CF2-D068-25BF4F7E87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t nære sundhedsvæsen:</a:t>
            </a:r>
            <a:br>
              <a:rPr lang="da-DK" dirty="0"/>
            </a:br>
            <a:br>
              <a:rPr lang="da-DK" dirty="0"/>
            </a:br>
            <a:r>
              <a:rPr lang="da-DK" dirty="0"/>
              <a:t>Kommunalt opgaveflyt og almen praksis</a:t>
            </a:r>
          </a:p>
        </p:txBody>
      </p:sp>
      <p:sp>
        <p:nvSpPr>
          <p:cNvPr id="6" name="Undertitel 5">
            <a:extLst>
              <a:ext uri="{FF2B5EF4-FFF2-40B4-BE49-F238E27FC236}">
                <a16:creationId xmlns:a16="http://schemas.microsoft.com/office/drawing/2014/main" id="{C40FB5DD-DDFD-7A8D-7B9C-9A812E090A4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73FB748-7A4D-D431-D6C6-DCCDFE364F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5166613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78A709C-65E3-379A-8ABE-2D8509779A75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45976F71-B0C7-72A6-11BD-EAD0A468C55A}"/>
              </a:ext>
            </a:extLst>
          </p:cNvPr>
          <p:cNvSpPr txBox="1">
            <a:spLocks/>
          </p:cNvSpPr>
          <p:nvPr/>
        </p:nvSpPr>
        <p:spPr>
          <a:xfrm>
            <a:off x="1126799" y="747114"/>
            <a:ext cx="10788975" cy="827497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Principper for fremtidig varetagelse af de nære sundhedstilbud</a:t>
            </a:r>
          </a:p>
        </p:txBody>
      </p:sp>
      <p:graphicFrame>
        <p:nvGraphicFramePr>
          <p:cNvPr id="6" name="Pladsholder til indhold 4">
            <a:extLst>
              <a:ext uri="{FF2B5EF4-FFF2-40B4-BE49-F238E27FC236}">
                <a16:creationId xmlns:a16="http://schemas.microsoft.com/office/drawing/2014/main" id="{949D3139-DD81-3193-FCC5-6C6B2723BA01}"/>
              </a:ext>
            </a:extLst>
          </p:cNvPr>
          <p:cNvGraphicFramePr>
            <a:graphicFrameLocks noGrp="1"/>
          </p:cNvGraphicFramePr>
          <p:nvPr>
            <p:ph sz="quarter" idx="13"/>
          </p:nvPr>
        </p:nvGraphicFramePr>
        <p:xfrm>
          <a:off x="1127125" y="1989138"/>
          <a:ext cx="10371138" cy="37084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54744270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FBE281B-AB74-9A50-FF97-9F890DDC0F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7450" y="558000"/>
            <a:ext cx="10371600" cy="827497"/>
          </a:xfrm>
        </p:spPr>
        <p:txBody>
          <a:bodyPr/>
          <a:lstStyle/>
          <a:p>
            <a:r>
              <a:rPr lang="da-DK" dirty="0"/>
              <a:t>Struktur for akutsygeplejen og pladsern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412C116-B8E4-4877-1730-2A380254C3ED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7450" y="1575000"/>
            <a:ext cx="10371275" cy="4725000"/>
          </a:xfrm>
        </p:spPr>
        <p:txBody>
          <a:bodyPr/>
          <a:lstStyle/>
          <a:p>
            <a:pPr marL="0" indent="0">
              <a:buNone/>
            </a:pPr>
            <a:r>
              <a:rPr lang="da-DK" sz="2000" dirty="0"/>
              <a:t>Hospitalet ønsker fremover at organisere akutsygeplejen og pladserne sammen i klynger. </a:t>
            </a:r>
          </a:p>
          <a:p>
            <a:pPr marL="0" indent="0">
              <a:buNone/>
            </a:pPr>
            <a:r>
              <a:rPr lang="da-DK" sz="2000" dirty="0"/>
              <a:t>Akutsygepleje og pladser samtænkes mhp. at:</a:t>
            </a:r>
          </a:p>
          <a:p>
            <a:pPr lvl="1"/>
            <a:r>
              <a:rPr lang="da-DK" sz="1800" dirty="0"/>
              <a:t>Etablere helhedsledelse knyttet til én klinisk afdeling på hospitalet</a:t>
            </a:r>
          </a:p>
          <a:p>
            <a:pPr lvl="1"/>
            <a:r>
              <a:rPr lang="da-DK" sz="1800" dirty="0"/>
              <a:t>Sikre nærhed </a:t>
            </a:r>
          </a:p>
          <a:p>
            <a:pPr lvl="1"/>
            <a:r>
              <a:rPr lang="da-DK" sz="1800" dirty="0"/>
              <a:t>Sikre synergi mellem personale på hospitalet, pladser og i akutsygeplejen</a:t>
            </a:r>
          </a:p>
          <a:p>
            <a:pPr lvl="1"/>
            <a:r>
              <a:rPr lang="da-DK" sz="1800" dirty="0"/>
              <a:t>Skabe gode rammer for stærke faglige miljøer</a:t>
            </a:r>
          </a:p>
          <a:p>
            <a:pPr lvl="1"/>
            <a:r>
              <a:rPr lang="da-DK" sz="1800" dirty="0"/>
              <a:t>Sikre mulighed for akutsygepleje på pladserne om natten</a:t>
            </a:r>
          </a:p>
          <a:p>
            <a:pPr lvl="1"/>
            <a:r>
              <a:rPr lang="da-DK" sz="1800" dirty="0"/>
              <a:t>Sikre en rentabel drift. Sundhedsråd Amager og Vestegnen har i den kommende organisering relativt få borgere og mange kommuner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B5D641A-C1C3-70D8-5340-8184510ECFA2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881276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F3992FF-7448-FD44-30CB-568A0D045C6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7124" y="601604"/>
            <a:ext cx="10371600" cy="826910"/>
          </a:xfrm>
        </p:spPr>
        <p:txBody>
          <a:bodyPr/>
          <a:lstStyle/>
          <a:p>
            <a:r>
              <a:rPr lang="da-DK" dirty="0"/>
              <a:t>Data vedr. Sundheds- og omsorgspladser</a:t>
            </a:r>
          </a:p>
        </p:txBody>
      </p:sp>
      <p:sp>
        <p:nvSpPr>
          <p:cNvPr id="11" name="Pladsholder til slidenummer 10">
            <a:extLst>
              <a:ext uri="{FF2B5EF4-FFF2-40B4-BE49-F238E27FC236}">
                <a16:creationId xmlns:a16="http://schemas.microsoft.com/office/drawing/2014/main" id="{BFD21E70-57E9-03BA-E839-3FA1B02D80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en-US" smtClean="0"/>
              <a:pPr/>
              <a:t>16</a:t>
            </a:fld>
            <a:endParaRPr lang="en-US" dirty="0"/>
          </a:p>
        </p:txBody>
      </p:sp>
      <p:pic>
        <p:nvPicPr>
          <p:cNvPr id="12" name="Pladsholder til billede 18" descr="Patient kontur">
            <a:extLst>
              <a:ext uri="{FF2B5EF4-FFF2-40B4-BE49-F238E27FC236}">
                <a16:creationId xmlns:a16="http://schemas.microsoft.com/office/drawing/2014/main" id="{A3F5741E-0654-5A03-A94C-1E7DEC94795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2051" b="2051"/>
          <a:stretch>
            <a:fillRect/>
          </a:stretch>
        </p:blipFill>
        <p:spPr>
          <a:xfrm>
            <a:off x="1498008" y="2315406"/>
            <a:ext cx="3358999" cy="3221844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405A8498-7521-97FB-D617-D44DD6C90F5A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l="630" t="1743" r="42484"/>
          <a:stretch>
            <a:fillRect/>
          </a:stretch>
        </p:blipFill>
        <p:spPr>
          <a:xfrm>
            <a:off x="5638677" y="1904676"/>
            <a:ext cx="5678507" cy="4157052"/>
          </a:xfrm>
          <a:prstGeom prst="rect">
            <a:avLst/>
          </a:prstGeom>
        </p:spPr>
      </p:pic>
      <p:sp>
        <p:nvSpPr>
          <p:cNvPr id="17" name="Rektangel 16">
            <a:extLst>
              <a:ext uri="{FF2B5EF4-FFF2-40B4-BE49-F238E27FC236}">
                <a16:creationId xmlns:a16="http://schemas.microsoft.com/office/drawing/2014/main" id="{85F0CE61-2E58-981E-C584-6484C38EC082}"/>
              </a:ext>
            </a:extLst>
          </p:cNvPr>
          <p:cNvSpPr/>
          <p:nvPr/>
        </p:nvSpPr>
        <p:spPr>
          <a:xfrm>
            <a:off x="9860829" y="1904676"/>
            <a:ext cx="1373228" cy="4157052"/>
          </a:xfrm>
          <a:prstGeom prst="rect">
            <a:avLst/>
          </a:prstGeom>
          <a:noFill/>
          <a:ln w="28575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3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155663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53" presetClass="entr" presetSubtype="16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9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3ABF02D-4BBD-189B-5D68-ADC7486A34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73F5A2F-7B5D-E165-7C8F-88C55625C7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uværende geografiske placering af kommunale pladser</a:t>
            </a:r>
            <a:br>
              <a:rPr lang="da-DK" dirty="0"/>
            </a:b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41E5826-21A1-DDEC-CBAE-3576A3BDE12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8" name="Pladsholder til indhold 7">
            <a:extLst>
              <a:ext uri="{FF2B5EF4-FFF2-40B4-BE49-F238E27FC236}">
                <a16:creationId xmlns:a16="http://schemas.microsoft.com/office/drawing/2014/main" id="{D83F060C-5E7B-B89C-93F5-10BE9416B382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3"/>
          <a:stretch>
            <a:fillRect/>
          </a:stretch>
        </p:blipFill>
        <p:spPr>
          <a:xfrm>
            <a:off x="1377388" y="1339702"/>
            <a:ext cx="9170110" cy="4651914"/>
          </a:xfrm>
        </p:spPr>
      </p:pic>
      <p:sp>
        <p:nvSpPr>
          <p:cNvPr id="9" name="Tekstfelt 8">
            <a:extLst>
              <a:ext uri="{FF2B5EF4-FFF2-40B4-BE49-F238E27FC236}">
                <a16:creationId xmlns:a16="http://schemas.microsoft.com/office/drawing/2014/main" id="{83BD44E2-971F-9AC8-AC49-FEE565585D76}"/>
              </a:ext>
            </a:extLst>
          </p:cNvPr>
          <p:cNvSpPr txBox="1"/>
          <p:nvPr/>
        </p:nvSpPr>
        <p:spPr>
          <a:xfrm>
            <a:off x="1126800" y="6151459"/>
            <a:ext cx="3648400" cy="47708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b="1" dirty="0"/>
              <a:t>197 pladser fordelt på 17 matrikler </a:t>
            </a:r>
          </a:p>
        </p:txBody>
      </p:sp>
    </p:spTree>
    <p:extLst>
      <p:ext uri="{BB962C8B-B14F-4D97-AF65-F5344CB8AC3E}">
        <p14:creationId xmlns:p14="http://schemas.microsoft.com/office/powerpoint/2010/main" val="228973675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1AFABE2-1736-EE7E-86FC-A5ADBAD1AB8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800" y="633845"/>
            <a:ext cx="10371600" cy="488373"/>
          </a:xfrm>
        </p:spPr>
        <p:txBody>
          <a:bodyPr/>
          <a:lstStyle/>
          <a:p>
            <a:pPr algn="ctr"/>
            <a:r>
              <a:rPr lang="da-DK" dirty="0"/>
              <a:t>Fremtidige fokusområder ifm. almen praksis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6B729843-EFDA-6EB5-E8A2-9962567B1227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7125" y="1229032"/>
            <a:ext cx="10371275" cy="5480378"/>
          </a:xfrm>
        </p:spPr>
        <p:txBody>
          <a:bodyPr/>
          <a:lstStyle/>
          <a:p>
            <a:pPr lvl="0" fontAlgn="base"/>
            <a:r>
              <a:rPr lang="da-DK" sz="2000" b="1" dirty="0"/>
              <a:t>Styrket samarbejdet mellem AHH og almen praksis om patienter med komplekse og kroniske sygdomme</a:t>
            </a:r>
          </a:p>
          <a:p>
            <a:pPr lvl="1" fontAlgn="base"/>
            <a:r>
              <a:rPr lang="da-DK" altLang="da-DK" sz="1800" dirty="0"/>
              <a:t>Sikre, at patienterne oplever mere sammenhængende behandlingsforløb </a:t>
            </a:r>
            <a:endParaRPr lang="da-DK" sz="1800" dirty="0">
              <a:highlight>
                <a:srgbClr val="FFFF00"/>
              </a:highlight>
            </a:endParaRPr>
          </a:p>
          <a:p>
            <a:pPr marR="0" fontAlgn="base">
              <a:buSzTx/>
              <a:tabLst/>
            </a:pPr>
            <a:r>
              <a:rPr lang="da-DK" altLang="da-DK" sz="2000" b="1" dirty="0"/>
              <a:t>Styrke </a:t>
            </a:r>
            <a:r>
              <a:rPr lang="da-DK" altLang="da-DK" sz="2000" b="1" dirty="0" err="1"/>
              <a:t>AHHs</a:t>
            </a:r>
            <a:r>
              <a:rPr lang="da-DK" altLang="da-DK" sz="2000" b="1" dirty="0"/>
              <a:t> rolle i understøttelse af almen praksis med specialistrådgivning</a:t>
            </a:r>
          </a:p>
          <a:p>
            <a:pPr lvl="1" fontAlgn="base"/>
            <a:r>
              <a:rPr lang="da-DK" altLang="da-DK" sz="1800" dirty="0"/>
              <a:t>Adgang til faglig sparring ved komplicerede forløb, kvalificering af henvisninger, telefonkonsultationer og virtuelle konsultationer mellem hospitalsspecialister og praktiserende læger.</a:t>
            </a:r>
          </a:p>
          <a:p>
            <a:pPr lvl="1" fontAlgn="base"/>
            <a:r>
              <a:rPr lang="da-DK" altLang="da-DK" sz="1800" dirty="0"/>
              <a:t>Tilbud om subakutte tider og relevante diagnostiske undersøgelser</a:t>
            </a:r>
          </a:p>
          <a:p>
            <a:r>
              <a:rPr lang="da-DK" sz="2000" b="1" dirty="0" err="1"/>
              <a:t>AHHs</a:t>
            </a:r>
            <a:r>
              <a:rPr lang="da-DK" sz="2000" b="1" dirty="0"/>
              <a:t> rolle i den nye opgave med at bedrive faglig ledelse af de almen medicinske tilbud </a:t>
            </a:r>
          </a:p>
          <a:p>
            <a:pPr lvl="1" fontAlgn="base"/>
            <a:r>
              <a:rPr lang="da-DK" sz="1800" dirty="0"/>
              <a:t>Et tættere samarbejde mellem hospitalet og KAP-H lokalt. </a:t>
            </a:r>
          </a:p>
          <a:p>
            <a:pPr lvl="1" fontAlgn="base"/>
            <a:r>
              <a:rPr lang="da-DK" sz="1800" dirty="0"/>
              <a:t>Øget HAPS samarbejde </a:t>
            </a:r>
          </a:p>
          <a:p>
            <a:pPr lvl="1" fontAlgn="base"/>
            <a:r>
              <a:rPr lang="da-DK" sz="1800" dirty="0"/>
              <a:t>Øget dialog/samarbejde via lægeklyngerne i Syd </a:t>
            </a:r>
          </a:p>
          <a:p>
            <a:pPr lvl="1" fontAlgn="base"/>
            <a:r>
              <a:rPr lang="da-DK" sz="1800" dirty="0"/>
              <a:t>Øget a</a:t>
            </a:r>
            <a:r>
              <a:rPr lang="da-DK" sz="2000" dirty="0"/>
              <a:t>dministrativ og klinisk understøttelse  ift. at løfte ovenstående</a:t>
            </a:r>
          </a:p>
          <a:p>
            <a:pPr marL="0" indent="0" fontAlgn="base">
              <a:buNone/>
            </a:pPr>
            <a:endParaRPr lang="da-DK" sz="2000" b="1" dirty="0">
              <a:highlight>
                <a:srgbClr val="FFFF00"/>
              </a:highlight>
            </a:endParaRPr>
          </a:p>
          <a:p>
            <a:pPr marL="0" indent="0" fontAlgn="base">
              <a:buNone/>
            </a:pPr>
            <a:endParaRPr lang="da-DK" sz="2000" b="1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14D6DC9-83A1-1CC3-5708-3222F38D74E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DAB5548-7253-48D6-B95B-F3D312A72220}" type="slidenum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0285873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D95C5A0D-A49E-7CF2-D068-25BF4F7E87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betyder det for jer?</a:t>
            </a:r>
          </a:p>
        </p:txBody>
      </p:sp>
      <p:sp>
        <p:nvSpPr>
          <p:cNvPr id="6" name="Undertitel 5">
            <a:extLst>
              <a:ext uri="{FF2B5EF4-FFF2-40B4-BE49-F238E27FC236}">
                <a16:creationId xmlns:a16="http://schemas.microsoft.com/office/drawing/2014/main" id="{C40FB5DD-DDFD-7A8D-7B9C-9A812E090A4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73FB748-7A4D-D431-D6C6-DCCDFE364F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9439692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>
            <a:extLst>
              <a:ext uri="{FF2B5EF4-FFF2-40B4-BE49-F238E27FC236}">
                <a16:creationId xmlns:a16="http://schemas.microsoft.com/office/drawing/2014/main" id="{83AD84FC-7275-C76F-B68C-98DA2B3A530C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1" t="3487" r="-2" b="1503"/>
          <a:stretch/>
        </p:blipFill>
        <p:spPr>
          <a:xfrm>
            <a:off x="1127125" y="968859"/>
            <a:ext cx="10371275" cy="5123932"/>
          </a:xfrm>
          <a:prstGeom prst="rect">
            <a:avLst/>
          </a:prstGeom>
          <a:noFill/>
        </p:spPr>
      </p:pic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D3564FE-4374-4562-A095-F70C0C584813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504613" y="630000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551677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A5FE64F-DB35-8610-2FA6-F89E822F23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800" y="1053231"/>
            <a:ext cx="10371600" cy="413190"/>
          </a:xfrm>
        </p:spPr>
        <p:txBody>
          <a:bodyPr/>
          <a:lstStyle/>
          <a:p>
            <a:r>
              <a:rPr lang="da-DK" dirty="0"/>
              <a:t>Sundhedsledelsesopgaven kalder på transformat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E112229-84F1-AEA5-BE06-31FC7B5D0E3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6800" y="1925782"/>
            <a:ext cx="10371600" cy="4197641"/>
          </a:xfrm>
        </p:spPr>
        <p:txBody>
          <a:bodyPr/>
          <a:lstStyle/>
          <a:p>
            <a:pPr marL="342900" indent="-342900">
              <a:lnSpc>
                <a:spcPct val="107000"/>
              </a:lnSpc>
              <a:spcAft>
                <a:spcPts val="8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da-DK" sz="2000" kern="100" dirty="0">
                <a:ea typeface="Aptos" panose="020B0004020202020204" pitchFamily="34" charset="0"/>
                <a:cs typeface="Times New Roman" panose="02020603050405020304" pitchFamily="18" charset="0"/>
              </a:rPr>
              <a:t>Vi skal sikre tilbud til borgerne på det samlede sundhedsområde i det nye Sundhedsområde Amager og Vestegnen. </a:t>
            </a:r>
          </a:p>
          <a:p>
            <a:pPr marL="342900" indent="-342900">
              <a:lnSpc>
                <a:spcPct val="107000"/>
              </a:lnSpc>
              <a:spcAft>
                <a:spcPts val="8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da-DK" sz="2000" kern="100" dirty="0">
                <a:ea typeface="Aptos" panose="020B0004020202020204" pitchFamily="34" charset="0"/>
                <a:cs typeface="Times New Roman" panose="02020603050405020304" pitchFamily="18" charset="0"/>
              </a:rPr>
              <a:t>Vi har </a:t>
            </a:r>
            <a:r>
              <a:rPr lang="da-DK" sz="2000" b="1" kern="100" dirty="0">
                <a:ea typeface="Aptos" panose="020B0004020202020204" pitchFamily="34" charset="0"/>
                <a:cs typeface="Times New Roman" panose="02020603050405020304" pitchFamily="18" charset="0"/>
              </a:rPr>
              <a:t>populationsansvar</a:t>
            </a:r>
            <a:r>
              <a:rPr lang="da-DK" sz="2000" kern="100" dirty="0">
                <a:ea typeface="Aptos" panose="020B0004020202020204" pitchFamily="34" charset="0"/>
                <a:cs typeface="Times New Roman" panose="02020603050405020304" pitchFamily="18" charset="0"/>
              </a:rPr>
              <a:t> og </a:t>
            </a:r>
            <a:r>
              <a:rPr lang="da-DK" sz="2000" b="1" kern="100" dirty="0">
                <a:ea typeface="Aptos" panose="020B0004020202020204" pitchFamily="34" charset="0"/>
                <a:cs typeface="Times New Roman" panose="02020603050405020304" pitchFamily="18" charset="0"/>
              </a:rPr>
              <a:t>kædeansvar</a:t>
            </a:r>
            <a:r>
              <a:rPr lang="da-DK" sz="2000" kern="100" dirty="0">
                <a:ea typeface="Aptos" panose="020B0004020202020204" pitchFamily="34" charset="0"/>
                <a:cs typeface="Times New Roman" panose="02020603050405020304" pitchFamily="18" charset="0"/>
              </a:rPr>
              <a:t> – dvs. vi skal skabe robuste og fleksible samarbejder, der kan tilgodese borgernes behov for behandling. Herunder samarbejde med civilsamfundet.</a:t>
            </a:r>
          </a:p>
          <a:p>
            <a:pPr marL="342900" indent="-342900">
              <a:lnSpc>
                <a:spcPct val="107000"/>
              </a:lnSpc>
              <a:spcAft>
                <a:spcPts val="8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da-DK" sz="2000" kern="100" dirty="0"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Vi skal selv påvirke politisk og drive transformationen inden for egen ramme, så vi ledelsesmæssigt får lagt strategier, skabt udvikling og sikret drift af fremtiden sundhedsopgaver inden for vores Sundhedsråd og i samarbejde med den nye Region Øst.</a:t>
            </a:r>
          </a:p>
          <a:p>
            <a:pPr marL="342900" indent="-342900">
              <a:lnSpc>
                <a:spcPct val="107000"/>
              </a:lnSpc>
              <a:spcAft>
                <a:spcPts val="8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da-DK" sz="2000" kern="100" dirty="0">
                <a:ea typeface="Aptos" panose="020B0004020202020204" pitchFamily="34" charset="0"/>
                <a:cs typeface="Times New Roman" panose="02020603050405020304" pitchFamily="18" charset="0"/>
              </a:rPr>
              <a:t>Vi kommer til at stå på fundamentet af en national og en regional sundhedsplan samt Sundhedsstyrelsen planer for diverse sundhedsopgaver. Alle er under forandring.</a:t>
            </a:r>
          </a:p>
          <a:p>
            <a:pPr marL="342900" indent="-342900">
              <a:lnSpc>
                <a:spcPct val="107000"/>
              </a:lnSpc>
              <a:spcAft>
                <a:spcPts val="80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endParaRPr lang="da-DK" sz="2000" kern="100" dirty="0">
              <a:effectLst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endParaRPr lang="da-DK" sz="2000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C731AA62-9CF4-7531-A635-B30B8CE8EC2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8270044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">
            <a:extLst>
              <a:ext uri="{FF2B5EF4-FFF2-40B4-BE49-F238E27FC236}">
                <a16:creationId xmlns:a16="http://schemas.microsoft.com/office/drawing/2014/main" id="{1B74AD71-72EF-5DC5-9F4F-886D3ED9BD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800" y="871200"/>
            <a:ext cx="10371600" cy="827497"/>
          </a:xfrm>
        </p:spPr>
        <p:txBody>
          <a:bodyPr/>
          <a:lstStyle/>
          <a:p>
            <a:r>
              <a:rPr lang="en-US" dirty="0"/>
              <a:t>Den </a:t>
            </a:r>
            <a:r>
              <a:rPr lang="en-US" dirty="0" err="1"/>
              <a:t>samlede</a:t>
            </a:r>
            <a:r>
              <a:rPr lang="en-US" dirty="0"/>
              <a:t> organisation </a:t>
            </a:r>
            <a:r>
              <a:rPr lang="en-US" dirty="0" err="1"/>
              <a:t>skal</a:t>
            </a:r>
            <a:r>
              <a:rPr lang="en-US" dirty="0"/>
              <a:t> </a:t>
            </a:r>
            <a:r>
              <a:rPr lang="en-US" dirty="0" err="1"/>
              <a:t>udvikle</a:t>
            </a:r>
            <a:r>
              <a:rPr lang="en-US" dirty="0"/>
              <a:t> </a:t>
            </a:r>
            <a:r>
              <a:rPr lang="da-DK" dirty="0"/>
              <a:t>nye måder at levere sundhedsydelser på</a:t>
            </a:r>
            <a:endParaRPr lang="en-US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5E3D4AF-A1C0-8405-72AD-32AE208D466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04613" y="630000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21</a:t>
            </a:fld>
            <a:endParaRPr lang="da-DK"/>
          </a:p>
        </p:txBody>
      </p:sp>
      <p:graphicFrame>
        <p:nvGraphicFramePr>
          <p:cNvPr id="11" name="Pladsholder til indhold 8">
            <a:extLst>
              <a:ext uri="{FF2B5EF4-FFF2-40B4-BE49-F238E27FC236}">
                <a16:creationId xmlns:a16="http://schemas.microsoft.com/office/drawing/2014/main" id="{3C6BE835-B882-CD97-E9F7-012420FCC205}"/>
              </a:ext>
            </a:extLst>
          </p:cNvPr>
          <p:cNvGraphicFramePr>
            <a:graphicFrameLocks noGrp="1"/>
          </p:cNvGraphicFramePr>
          <p:nvPr>
            <p:ph sz="quarter" idx="13"/>
          </p:nvPr>
        </p:nvGraphicFramePr>
        <p:xfrm>
          <a:off x="1126800" y="1989138"/>
          <a:ext cx="10371600" cy="37084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2845665854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57A837A-0F0B-EE86-C2EA-9F93B82EB9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800" y="871200"/>
            <a:ext cx="10371600" cy="583527"/>
          </a:xfrm>
        </p:spPr>
        <p:txBody>
          <a:bodyPr/>
          <a:lstStyle/>
          <a:p>
            <a:r>
              <a:rPr lang="da-DK" dirty="0"/>
              <a:t>Fokus i afdelingerne: </a:t>
            </a:r>
            <a:r>
              <a:rPr lang="da-DK" sz="2800" dirty="0"/>
              <a:t>kædeansvar og populationsansvar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7530600-3818-AC77-D88E-4D960AE468E5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6800" y="1995055"/>
            <a:ext cx="10371600" cy="3702483"/>
          </a:xfrm>
        </p:spPr>
        <p:txBody>
          <a:bodyPr/>
          <a:lstStyle/>
          <a:p>
            <a:pPr marL="0" indent="0">
              <a:buNone/>
            </a:pPr>
            <a:r>
              <a:rPr lang="da-DK" sz="2400" b="1" dirty="0"/>
              <a:t>Afdelingens opgave bliver at:</a:t>
            </a:r>
            <a:endParaRPr lang="da-DK" sz="2400" dirty="0"/>
          </a:p>
          <a:p>
            <a:r>
              <a:rPr lang="da-DK" sz="2000" b="0" dirty="0"/>
              <a:t>Forvalte, lede og transformere egen afdelings drift og udvikling </a:t>
            </a:r>
            <a:r>
              <a:rPr lang="da-DK" sz="2000" b="0" dirty="0" err="1"/>
              <a:t>fsva</a:t>
            </a:r>
            <a:r>
              <a:rPr lang="da-DK" sz="2000" b="0" dirty="0"/>
              <a:t> økonomi, behandling, patientsikkerhed, patienttilfredshed, kvalitet osv.</a:t>
            </a:r>
            <a:endParaRPr lang="da-DK" sz="2000" dirty="0"/>
          </a:p>
          <a:p>
            <a:pPr lvl="0"/>
            <a:r>
              <a:rPr lang="da-DK" sz="2000" b="0" dirty="0"/>
              <a:t>Have ansvar for at udvikle og lede forandringer af faglige opgaver på tværs af hospitalet og ud af hospitalet</a:t>
            </a:r>
          </a:p>
          <a:p>
            <a:pPr lvl="0"/>
            <a:r>
              <a:rPr lang="da-DK" sz="2000" b="0" dirty="0"/>
              <a:t>Med udgangspunkt i borgernes sundhedsprofil og den enkelte borgers tilstand kunne ændre afdelingens behandling og evt. forebyggelse, så borgeren kan behandles uden for hospitalet</a:t>
            </a:r>
            <a:endParaRPr lang="en-US" sz="2000" b="0" dirty="0"/>
          </a:p>
          <a:p>
            <a:endParaRPr lang="da-DK" sz="2400" dirty="0"/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170F6CE-DEC6-AF31-9F09-155392C5FE2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49742774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6EE2FD2-17AF-E841-B242-963DF48FCB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84400" y="871201"/>
            <a:ext cx="9714000" cy="442034"/>
          </a:xfrm>
        </p:spPr>
        <p:txBody>
          <a:bodyPr/>
          <a:lstStyle/>
          <a:p>
            <a:r>
              <a:rPr lang="da-DK" dirty="0"/>
              <a:t>Udvikling af organisation og evner til omstilling over tid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88CF931-CEC4-9194-5FAC-0EA5F2D70E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3</a:t>
            </a:fld>
            <a:endParaRPr lang="da-DK" dirty="0"/>
          </a:p>
        </p:txBody>
      </p:sp>
      <p:graphicFrame>
        <p:nvGraphicFramePr>
          <p:cNvPr id="3" name="Diagram 2">
            <a:extLst>
              <a:ext uri="{FF2B5EF4-FFF2-40B4-BE49-F238E27FC236}">
                <a16:creationId xmlns:a16="http://schemas.microsoft.com/office/drawing/2014/main" id="{C9E248FC-415A-46A9-BBB7-0A49B76F020B}"/>
              </a:ext>
            </a:extLst>
          </p:cNvPr>
          <p:cNvGraphicFramePr/>
          <p:nvPr/>
        </p:nvGraphicFramePr>
        <p:xfrm>
          <a:off x="1126800" y="1215597"/>
          <a:ext cx="9787634" cy="541866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5" name="Pil: nedad 4">
            <a:extLst>
              <a:ext uri="{FF2B5EF4-FFF2-40B4-BE49-F238E27FC236}">
                <a16:creationId xmlns:a16="http://schemas.microsoft.com/office/drawing/2014/main" id="{040D0C2B-2B9C-ED53-0493-31A824C06ADC}"/>
              </a:ext>
            </a:extLst>
          </p:cNvPr>
          <p:cNvSpPr/>
          <p:nvPr/>
        </p:nvSpPr>
        <p:spPr>
          <a:xfrm rot="19150507">
            <a:off x="762502" y="397013"/>
            <a:ext cx="442034" cy="1447686"/>
          </a:xfrm>
          <a:prstGeom prst="downArrow">
            <a:avLst/>
          </a:prstGeom>
          <a:solidFill>
            <a:srgbClr val="04543D">
              <a:alpha val="70000"/>
            </a:srgb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vert" lIns="0" tIns="0" rIns="0" bIns="0" rtlCol="0" anchor="ctr"/>
          <a:lstStyle/>
          <a:p>
            <a:pPr algn="ctr"/>
            <a:r>
              <a:rPr lang="da-DK" sz="1200" b="1" dirty="0"/>
              <a:t>OVERGANGSÅR</a:t>
            </a:r>
          </a:p>
        </p:txBody>
      </p:sp>
    </p:spTree>
    <p:extLst>
      <p:ext uri="{BB962C8B-B14F-4D97-AF65-F5344CB8AC3E}">
        <p14:creationId xmlns:p14="http://schemas.microsoft.com/office/powerpoint/2010/main" val="419616610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9A286E2-B23D-BC17-E4AD-D711D76F103A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4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1A36DC6F-3081-0F05-C756-30B227E4037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66274" y="531794"/>
            <a:ext cx="10335126" cy="58649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9355292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6031F6E-0C36-8579-1131-87C2E94217E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504613" y="630000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25</a:t>
            </a:fld>
            <a:endParaRPr lang="da-DK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B6CEC875-FC2A-F45E-FC51-9F2F8EC8A377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r="6320"/>
          <a:stretch/>
        </p:blipFill>
        <p:spPr>
          <a:xfrm>
            <a:off x="907297" y="506352"/>
            <a:ext cx="10402387" cy="57621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384257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255F1B9-E58C-CC24-2CAD-4240981714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174F1DE-177D-8AF7-071F-FCBD034A5B1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C413E28-AC12-3419-034C-6F7655F55F1C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6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B6521FAE-65DE-1ED5-5E95-08CE0C3BF7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21522" y="499945"/>
            <a:ext cx="11129845" cy="5655304"/>
          </a:xfrm>
          <a:prstGeom prst="rect">
            <a:avLst/>
          </a:prstGeom>
        </p:spPr>
      </p:pic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9F76D367-61D7-50E8-F775-693BFA72035D}"/>
              </a:ext>
            </a:extLst>
          </p:cNvPr>
          <p:cNvCxnSpPr/>
          <p:nvPr/>
        </p:nvCxnSpPr>
        <p:spPr>
          <a:xfrm flipV="1">
            <a:off x="3561347" y="3026807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9" name="Lige pilforbindelse 8">
            <a:extLst>
              <a:ext uri="{FF2B5EF4-FFF2-40B4-BE49-F238E27FC236}">
                <a16:creationId xmlns:a16="http://schemas.microsoft.com/office/drawing/2014/main" id="{A197AAED-6363-3B9A-DB52-D5250C42134A}"/>
              </a:ext>
            </a:extLst>
          </p:cNvPr>
          <p:cNvCxnSpPr/>
          <p:nvPr/>
        </p:nvCxnSpPr>
        <p:spPr>
          <a:xfrm flipV="1">
            <a:off x="3561347" y="3229614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0034168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D81E3D0-7350-7214-770F-78E377A06C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653AD33-68F9-9C61-0C0D-057CAF722B6E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91C3AA2-526F-8566-E3A8-4BED84571709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7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E462DFB7-4F8F-0166-6997-82CF931662C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52996" y="539670"/>
            <a:ext cx="11235691" cy="5591512"/>
          </a:xfrm>
          <a:prstGeom prst="rect">
            <a:avLst/>
          </a:prstGeom>
        </p:spPr>
      </p:pic>
      <p:cxnSp>
        <p:nvCxnSpPr>
          <p:cNvPr id="7" name="Lige pilforbindelse 6">
            <a:extLst>
              <a:ext uri="{FF2B5EF4-FFF2-40B4-BE49-F238E27FC236}">
                <a16:creationId xmlns:a16="http://schemas.microsoft.com/office/drawing/2014/main" id="{F3ADE3A7-22C6-2546-6EF2-0E7DAC7790AE}"/>
              </a:ext>
            </a:extLst>
          </p:cNvPr>
          <p:cNvCxnSpPr/>
          <p:nvPr/>
        </p:nvCxnSpPr>
        <p:spPr>
          <a:xfrm flipV="1">
            <a:off x="2382252" y="2671011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84952FB6-1A5F-3691-197E-4E1A8EFFFC68}"/>
              </a:ext>
            </a:extLst>
          </p:cNvPr>
          <p:cNvCxnSpPr/>
          <p:nvPr/>
        </p:nvCxnSpPr>
        <p:spPr>
          <a:xfrm flipV="1">
            <a:off x="636838" y="4408621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9" name="Lige pilforbindelse 8">
            <a:extLst>
              <a:ext uri="{FF2B5EF4-FFF2-40B4-BE49-F238E27FC236}">
                <a16:creationId xmlns:a16="http://schemas.microsoft.com/office/drawing/2014/main" id="{BFF4D92C-F03D-A217-7E9E-5588706E9D4C}"/>
              </a:ext>
            </a:extLst>
          </p:cNvPr>
          <p:cNvCxnSpPr/>
          <p:nvPr/>
        </p:nvCxnSpPr>
        <p:spPr>
          <a:xfrm flipV="1">
            <a:off x="1913020" y="5173579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0" name="Lige pilforbindelse 9">
            <a:extLst>
              <a:ext uri="{FF2B5EF4-FFF2-40B4-BE49-F238E27FC236}">
                <a16:creationId xmlns:a16="http://schemas.microsoft.com/office/drawing/2014/main" id="{CCA61468-AA6F-09CD-E752-E5EE0466DCF6}"/>
              </a:ext>
            </a:extLst>
          </p:cNvPr>
          <p:cNvCxnSpPr/>
          <p:nvPr/>
        </p:nvCxnSpPr>
        <p:spPr>
          <a:xfrm flipV="1">
            <a:off x="6312600" y="3185031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2DEACE17-333B-7AA1-7A95-2D9020CBB5B4}"/>
              </a:ext>
            </a:extLst>
          </p:cNvPr>
          <p:cNvCxnSpPr/>
          <p:nvPr/>
        </p:nvCxnSpPr>
        <p:spPr>
          <a:xfrm flipV="1">
            <a:off x="6236478" y="5185611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646402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1993570-C3A9-EFA9-8A78-CE79BD3099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127DBA8-9101-66B7-4AFE-A7EBF83CB5D4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8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2071A761-131C-D2D8-2CE6-B11184EC52B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3376" y="565483"/>
            <a:ext cx="11691427" cy="5095559"/>
          </a:xfrm>
          <a:prstGeom prst="rect">
            <a:avLst/>
          </a:prstGeom>
        </p:spPr>
      </p:pic>
      <p:cxnSp>
        <p:nvCxnSpPr>
          <p:cNvPr id="7" name="Lige pilforbindelse 6">
            <a:extLst>
              <a:ext uri="{FF2B5EF4-FFF2-40B4-BE49-F238E27FC236}">
                <a16:creationId xmlns:a16="http://schemas.microsoft.com/office/drawing/2014/main" id="{50620477-7E2E-5AEA-EBB5-72805C2D97F0}"/>
              </a:ext>
            </a:extLst>
          </p:cNvPr>
          <p:cNvCxnSpPr/>
          <p:nvPr/>
        </p:nvCxnSpPr>
        <p:spPr>
          <a:xfrm flipV="1">
            <a:off x="227197" y="3693695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B04B5085-4C8B-338F-92D7-6D17B0D5B01A}"/>
              </a:ext>
            </a:extLst>
          </p:cNvPr>
          <p:cNvCxnSpPr/>
          <p:nvPr/>
        </p:nvCxnSpPr>
        <p:spPr>
          <a:xfrm flipV="1">
            <a:off x="6003759" y="3010995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9" name="Lige pilforbindelse 8">
            <a:extLst>
              <a:ext uri="{FF2B5EF4-FFF2-40B4-BE49-F238E27FC236}">
                <a16:creationId xmlns:a16="http://schemas.microsoft.com/office/drawing/2014/main" id="{989876F1-440C-D353-9979-37E87E3092BB}"/>
              </a:ext>
            </a:extLst>
          </p:cNvPr>
          <p:cNvCxnSpPr/>
          <p:nvPr/>
        </p:nvCxnSpPr>
        <p:spPr>
          <a:xfrm flipV="1">
            <a:off x="5992761" y="4884821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1429898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16CB77A-666D-E7F7-BEEB-1E77B920DF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C8A957C-8A61-5E98-157D-315379AAFD9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C57504AA-8FE7-5B08-1C79-0F75E9DEC993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9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7E14D50C-5A7F-CE42-EB3C-E1A7DB5AD31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52006" y="505831"/>
            <a:ext cx="11260013" cy="5577225"/>
          </a:xfrm>
          <a:prstGeom prst="rect">
            <a:avLst/>
          </a:prstGeom>
        </p:spPr>
      </p:pic>
      <p:cxnSp>
        <p:nvCxnSpPr>
          <p:cNvPr id="7" name="Lige pilforbindelse 6">
            <a:extLst>
              <a:ext uri="{FF2B5EF4-FFF2-40B4-BE49-F238E27FC236}">
                <a16:creationId xmlns:a16="http://schemas.microsoft.com/office/drawing/2014/main" id="{43F400F0-0FB8-4C7E-9174-EB4DBE5AA44A}"/>
              </a:ext>
            </a:extLst>
          </p:cNvPr>
          <p:cNvCxnSpPr/>
          <p:nvPr/>
        </p:nvCxnSpPr>
        <p:spPr>
          <a:xfrm flipV="1">
            <a:off x="657568" y="3294443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9AD08FEA-39FA-04DB-092B-AFC89136D1A1}"/>
              </a:ext>
            </a:extLst>
          </p:cNvPr>
          <p:cNvCxnSpPr/>
          <p:nvPr/>
        </p:nvCxnSpPr>
        <p:spPr>
          <a:xfrm flipV="1">
            <a:off x="5993760" y="1978509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8642478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68DE821-7576-AE00-68AF-553F076CE0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FA90FBE-2B61-78BA-16A6-94E3002A784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A285EE5-B09B-B873-D5A9-50E422057F5B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4ADD654B-63A0-5C6D-FA9C-5AD8B43A538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833" y="94784"/>
            <a:ext cx="12060333" cy="66684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2293816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8AD8531-766A-54FF-CF7D-335F54F7FA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0505E73-2899-EB58-0B79-96A5523F1B23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9F83335-2E71-9B49-3310-945E9CFEF307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0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7AFDDB9A-B661-7D77-1FAB-C4DD8CAB36F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28382" y="630058"/>
            <a:ext cx="11284468" cy="5181195"/>
          </a:xfrm>
          <a:prstGeom prst="rect">
            <a:avLst/>
          </a:prstGeom>
        </p:spPr>
      </p:pic>
      <p:cxnSp>
        <p:nvCxnSpPr>
          <p:cNvPr id="7" name="Lige pilforbindelse 6">
            <a:extLst>
              <a:ext uri="{FF2B5EF4-FFF2-40B4-BE49-F238E27FC236}">
                <a16:creationId xmlns:a16="http://schemas.microsoft.com/office/drawing/2014/main" id="{0357111A-0298-87BC-0751-D4CD0E50AD7C}"/>
              </a:ext>
            </a:extLst>
          </p:cNvPr>
          <p:cNvCxnSpPr/>
          <p:nvPr/>
        </p:nvCxnSpPr>
        <p:spPr>
          <a:xfrm flipV="1">
            <a:off x="1540041" y="2550695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53AE0DCD-C0C1-D1ED-F90E-8AE61D71E41C}"/>
              </a:ext>
            </a:extLst>
          </p:cNvPr>
          <p:cNvCxnSpPr/>
          <p:nvPr/>
        </p:nvCxnSpPr>
        <p:spPr>
          <a:xfrm flipV="1">
            <a:off x="4439652" y="2796390"/>
            <a:ext cx="469232" cy="300790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14048088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F3A8162-6A32-3E7A-F41D-7940451D9B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idrag fra alle sundhedsfaglige råd - udvalgt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4AD30EF-F2B2-B8CB-5778-62D8B7AFD10E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Adgang til journaler i primærsektor (Akutmedicin)</a:t>
            </a:r>
          </a:p>
          <a:p>
            <a:r>
              <a:rPr lang="da-DK" dirty="0"/>
              <a:t>Rotation af højt specialiserede funktioner (Anæstesi)</a:t>
            </a:r>
          </a:p>
          <a:p>
            <a:r>
              <a:rPr lang="da-DK" dirty="0"/>
              <a:t>Forpligtende partnerskaber mellem sygehuse (mange specialer)</a:t>
            </a:r>
          </a:p>
          <a:p>
            <a:r>
              <a:rPr lang="da-DK" dirty="0"/>
              <a:t>Specialist hotline (</a:t>
            </a:r>
            <a:r>
              <a:rPr lang="da-DK" dirty="0" err="1"/>
              <a:t>Gastroenterologi</a:t>
            </a:r>
            <a:r>
              <a:rPr lang="da-DK" dirty="0"/>
              <a:t>, Akutmedicin)</a:t>
            </a:r>
          </a:p>
          <a:p>
            <a:r>
              <a:rPr lang="da-DK" dirty="0"/>
              <a:t>Oprettelse af faglige netværk under SFR (Geriatri)</a:t>
            </a:r>
          </a:p>
          <a:p>
            <a:r>
              <a:rPr lang="da-DK" dirty="0"/>
              <a:t>Større tværsektoriel digital integration (Gynækologi og obstetrik)</a:t>
            </a:r>
          </a:p>
          <a:p>
            <a:r>
              <a:rPr lang="da-DK" dirty="0"/>
              <a:t>Ansættelse på flere matrikler (Flere)</a:t>
            </a:r>
          </a:p>
          <a:p>
            <a:pPr lvl="1"/>
            <a:r>
              <a:rPr lang="da-DK" dirty="0"/>
              <a:t>Infektionsmedicin er et ‘mellem’ størrelse speciale, men ønsker tilstedeværelse på alle akuthospitaler. 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CC7F28AD-D32D-32C7-004F-DC4F6475FA74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25469184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8AE516E-61E1-EABD-9D6D-882BC39570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idrag fra alle sundhedsfaglige råd - udvalgt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FCED0AD-31B4-BCFB-64EC-D736256A1B9D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7125" y="1989137"/>
            <a:ext cx="10591633" cy="3708000"/>
          </a:xfrm>
        </p:spPr>
        <p:txBody>
          <a:bodyPr/>
          <a:lstStyle/>
          <a:p>
            <a:r>
              <a:rPr lang="da-DK" dirty="0"/>
              <a:t>Motivationspakke for at øge mobilitet (Kardiologi)</a:t>
            </a:r>
          </a:p>
          <a:p>
            <a:r>
              <a:rPr lang="da-DK" dirty="0"/>
              <a:t>Specialister fra alle faggrupper skal arbejde på (højst) 2 matrikler i kendte teams (Kirurgi)</a:t>
            </a:r>
          </a:p>
          <a:p>
            <a:r>
              <a:rPr lang="da-DK" dirty="0"/>
              <a:t>Aktivitet opdelt i niveauer (1-). Alle sundhedsråd bør have hospital med niveau 1 (Klinisk biokemi)</a:t>
            </a:r>
          </a:p>
          <a:p>
            <a:r>
              <a:rPr lang="da-DK" dirty="0"/>
              <a:t>Remote diagnostik (Klinisk fysiologi og nuklearmedicin)</a:t>
            </a:r>
          </a:p>
          <a:p>
            <a:r>
              <a:rPr lang="da-DK" dirty="0"/>
              <a:t>Rådgivende taskforce af specialiserede læger (Klinisk fysiologi og nuklearmedicin)</a:t>
            </a:r>
          </a:p>
          <a:p>
            <a:r>
              <a:rPr lang="da-DK" dirty="0"/>
              <a:t>Større regional spredning af HU forløb (Klinisk mikrobiologi)</a:t>
            </a:r>
          </a:p>
          <a:p>
            <a:r>
              <a:rPr lang="da-DK" dirty="0"/>
              <a:t>Nærhed og lige adgang kan opnås ved brug af ‘lungebusser og speciallæger i sundhedscentre (Lungesygdomme)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2207EBF-5922-8F2F-0426-DEFF2A2A156C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68612662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32C862C-89CC-F7E1-CC9C-05537574C2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idrag fra alle sundhedsfaglige råd - udvalgt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F768F07-810D-2FF1-1613-57FB1816A69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Fælles vælg klogt </a:t>
            </a:r>
            <a:r>
              <a:rPr lang="da-DK" dirty="0" err="1"/>
              <a:t>anbefaglinger</a:t>
            </a:r>
            <a:r>
              <a:rPr lang="da-DK" dirty="0"/>
              <a:t> – også med private udbydere (Ortopædkirurgi)</a:t>
            </a:r>
          </a:p>
          <a:p>
            <a:r>
              <a:rPr lang="da-DK" dirty="0"/>
              <a:t>Ønske om ensretning – uenighed om hvordan. Flere bud på ændret ledelsesstruktur (Patologi)</a:t>
            </a:r>
          </a:p>
          <a:p>
            <a:r>
              <a:rPr lang="da-DK" dirty="0"/>
              <a:t>Ikke alle fagområder, skal være til stede på alle akutsygehuse (Pædiatri)</a:t>
            </a:r>
          </a:p>
          <a:p>
            <a:r>
              <a:rPr lang="da-DK" dirty="0"/>
              <a:t>Tværgående ledelsesstruktur </a:t>
            </a:r>
            <a:r>
              <a:rPr lang="da-DK" dirty="0" err="1"/>
              <a:t>evt</a:t>
            </a:r>
            <a:r>
              <a:rPr lang="da-DK" dirty="0"/>
              <a:t> i form af </a:t>
            </a:r>
            <a:r>
              <a:rPr lang="da-DK" dirty="0" err="1"/>
              <a:t>betyrelse</a:t>
            </a:r>
            <a:r>
              <a:rPr lang="da-DK" dirty="0"/>
              <a:t> </a:t>
            </a:r>
            <a:r>
              <a:rPr lang="da-DK" dirty="0" err="1"/>
              <a:t>mhp</a:t>
            </a:r>
            <a:r>
              <a:rPr lang="da-DK" dirty="0"/>
              <a:t> fælles kapacitetsstyring, ressourceanvendelse og prioritering (Radiologi)</a:t>
            </a:r>
          </a:p>
          <a:p>
            <a:r>
              <a:rPr lang="da-DK" dirty="0"/>
              <a:t>Indfasning af kunstig intelligens (Radiologi)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2033D33-F1A8-55C2-9F60-EDE9F0F93025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84146723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AC82F12-683B-4266-7BBA-76089BA2FA4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7125" y="871200"/>
            <a:ext cx="10371275" cy="828837"/>
          </a:xfrm>
        </p:spPr>
        <p:txBody>
          <a:bodyPr anchor="b">
            <a:normAutofit/>
          </a:bodyPr>
          <a:lstStyle/>
          <a:p>
            <a:r>
              <a:rPr lang="da-DK" dirty="0"/>
              <a:t>Spørgsmål eller kommentarer?</a:t>
            </a:r>
          </a:p>
        </p:txBody>
      </p:sp>
      <p:pic>
        <p:nvPicPr>
          <p:cNvPr id="6" name="Pladsholder til indhold 5" descr="Træblokke med spørgsmålstegn">
            <a:extLst>
              <a:ext uri="{FF2B5EF4-FFF2-40B4-BE49-F238E27FC236}">
                <a16:creationId xmlns:a16="http://schemas.microsoft.com/office/drawing/2014/main" id="{BAA3958A-A939-8AB4-16DD-AF40C040A896}"/>
              </a:ext>
            </a:extLst>
          </p:cNvPr>
          <p:cNvPicPr>
            <a:picLocks noGrp="1" noChangeAspect="1"/>
          </p:cNvPicPr>
          <p:nvPr>
            <p:ph sz="quarter" idx="17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7502" r="-1" b="18936"/>
          <a:stretch>
            <a:fillRect/>
          </a:stretch>
        </p:blipFill>
        <p:spPr>
          <a:xfrm>
            <a:off x="1127125" y="1990800"/>
            <a:ext cx="10371275" cy="3708000"/>
          </a:xfrm>
          <a:noFill/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998F998-BA8D-1E85-6BEC-CE2670359FA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1504613" y="630000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3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912337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DC99F7E-249D-21CA-A75B-EB90693F8409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E248B1CA-E98A-592D-5594-D6AB78CFA68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52574" y="430876"/>
            <a:ext cx="10373219" cy="58158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102781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C4CBDD8-A694-0EEA-3BFE-A5CA946854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BD1D94C-A364-A268-F807-E6B0B44AB099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FE56A87-064F-AE6C-511E-17E75242695F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E4A5498B-9B69-CF9A-20DE-2D1C3E3415DD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2279" b="2458"/>
          <a:stretch/>
        </p:blipFill>
        <p:spPr>
          <a:xfrm>
            <a:off x="246833" y="228600"/>
            <a:ext cx="11698333" cy="63887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762132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FA5C6FB-CE39-3408-7FB2-505EE78C52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4A8C015-6FB1-A0DC-FF5A-F0A75433CFA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D94990C-FBDF-3E2C-C584-2804B3440684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9E2DE4BB-0AA6-BD25-80D1-36D5F99DE2A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4016" y="452022"/>
            <a:ext cx="11573717" cy="6027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8208757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DAEB8E5E-F6F5-4B89-0E11-BC32F4781F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undhedsreformen:</a:t>
            </a:r>
            <a:br>
              <a:rPr lang="da-DK" dirty="0"/>
            </a:br>
            <a:br>
              <a:rPr lang="da-DK" dirty="0"/>
            </a:br>
            <a:r>
              <a:rPr lang="da-DK" dirty="0"/>
              <a:t>På vej mod sundhedsledelse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sp>
        <p:nvSpPr>
          <p:cNvPr id="6" name="Undertitel 5">
            <a:extLst>
              <a:ext uri="{FF2B5EF4-FFF2-40B4-BE49-F238E27FC236}">
                <a16:creationId xmlns:a16="http://schemas.microsoft.com/office/drawing/2014/main" id="{DC915C50-4286-CA51-F89D-DA56905C4855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4D15256-B70A-9F6B-73F2-31161F9304E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DAB5548-7253-48D6-B95B-F3D312A72220}" type="slidenum">
              <a:rPr kumimoji="0" lang="da-DK" sz="9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a-DK" sz="9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5728405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Ellipse 23">
            <a:extLst>
              <a:ext uri="{FF2B5EF4-FFF2-40B4-BE49-F238E27FC236}">
                <a16:creationId xmlns:a16="http://schemas.microsoft.com/office/drawing/2014/main" id="{23ECC427-694F-9159-07EC-DF164EC3DB31}"/>
              </a:ext>
            </a:extLst>
          </p:cNvPr>
          <p:cNvSpPr/>
          <p:nvPr/>
        </p:nvSpPr>
        <p:spPr>
          <a:xfrm>
            <a:off x="6554410" y="5187371"/>
            <a:ext cx="869145" cy="851270"/>
          </a:xfrm>
          <a:prstGeom prst="ellipse">
            <a:avLst/>
          </a:prstGeom>
          <a:solidFill>
            <a:srgbClr val="B1D2AE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39A8A538-510C-CA08-8272-9DD31062EC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ra hospitalsledelse til sundhedsledelse</a:t>
            </a:r>
            <a:br>
              <a:rPr lang="da-DK" dirty="0"/>
            </a:b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4241B91-A55F-6A67-600D-ACED2FF357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ctr" defTabSz="914400" rtl="0" eaLnBrk="1" latinLnBrk="0" hangingPunct="1">
              <a:defRPr lang="da-DK" sz="9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0DAB5548-7253-48D6-B95B-F3D312A72220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7" name="Ellipse 6">
            <a:extLst>
              <a:ext uri="{FF2B5EF4-FFF2-40B4-BE49-F238E27FC236}">
                <a16:creationId xmlns:a16="http://schemas.microsoft.com/office/drawing/2014/main" id="{5F968A30-A1A4-5D60-7D94-18A8DB7F6939}"/>
              </a:ext>
            </a:extLst>
          </p:cNvPr>
          <p:cNvSpPr/>
          <p:nvPr/>
        </p:nvSpPr>
        <p:spPr>
          <a:xfrm>
            <a:off x="4333875" y="2314575"/>
            <a:ext cx="3590925" cy="3590925"/>
          </a:xfrm>
          <a:prstGeom prst="ellipse">
            <a:avLst/>
          </a:prstGeom>
          <a:noFill/>
          <a:ln w="127000">
            <a:solidFill>
              <a:srgbClr val="B1D2A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990A44AA-D097-ABBD-9AED-2A3DF032ED4A}"/>
              </a:ext>
            </a:extLst>
          </p:cNvPr>
          <p:cNvSpPr txBox="1"/>
          <p:nvPr/>
        </p:nvSpPr>
        <p:spPr>
          <a:xfrm>
            <a:off x="992112" y="2121887"/>
            <a:ext cx="3690938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>
                <a:solidFill>
                  <a:srgbClr val="000000"/>
                </a:solidFill>
                <a:latin typeface="+mj-lt"/>
              </a:rPr>
              <a:t>U</a:t>
            </a:r>
            <a:r>
              <a:rPr lang="da-DK" b="0" i="0" u="none" strike="noStrike" baseline="0" dirty="0">
                <a:solidFill>
                  <a:srgbClr val="000000"/>
                </a:solidFill>
                <a:latin typeface="+mj-lt"/>
              </a:rPr>
              <a:t>nderstøtte både Sundhedsråd og Regionsråd/Forretningsudvalg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D7A058FE-D8A3-FDE6-2592-89FF17574EFD}"/>
              </a:ext>
            </a:extLst>
          </p:cNvPr>
          <p:cNvSpPr txBox="1"/>
          <p:nvPr/>
        </p:nvSpPr>
        <p:spPr>
          <a:xfrm>
            <a:off x="7682753" y="6282487"/>
            <a:ext cx="3813921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60000" lvl="1" indent="0" algn="r">
              <a:buNone/>
            </a:pPr>
            <a:r>
              <a:rPr lang="da-DK" sz="1000" b="1" dirty="0"/>
              <a:t>Indenrigs- og sundhedsminister Sophie Løhde </a:t>
            </a:r>
            <a:br>
              <a:rPr lang="da-DK" sz="1000" b="1" dirty="0"/>
            </a:br>
            <a:r>
              <a:rPr lang="da-DK" sz="1000" b="1" dirty="0"/>
              <a:t>Danske Regioners konference Sundhed for Alle 2024</a:t>
            </a:r>
            <a:endParaRPr lang="da-DK" sz="1000" dirty="0">
              <a:latin typeface="+mj-lt"/>
            </a:endParaRP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6AEAAD9E-1551-BB05-AC58-2F8CF1B1AA1F}"/>
              </a:ext>
            </a:extLst>
          </p:cNvPr>
          <p:cNvSpPr txBox="1"/>
          <p:nvPr/>
        </p:nvSpPr>
        <p:spPr>
          <a:xfrm>
            <a:off x="7544399" y="2176313"/>
            <a:ext cx="2685162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800" b="0" i="0" u="none" strike="noStrike" baseline="0" dirty="0">
                <a:solidFill>
                  <a:srgbClr val="000000"/>
                </a:solidFill>
                <a:latin typeface="+mj-lt"/>
              </a:rPr>
              <a:t>Udvikle nære og digitale </a:t>
            </a:r>
            <a:r>
              <a:rPr lang="da-DK" sz="1800" dirty="0">
                <a:solidFill>
                  <a:srgbClr val="000000"/>
                </a:solidFill>
                <a:latin typeface="+mj-lt"/>
              </a:rPr>
              <a:t>sundhedstilbud</a:t>
            </a:r>
          </a:p>
        </p:txBody>
      </p:sp>
      <p:sp>
        <p:nvSpPr>
          <p:cNvPr id="15" name="Tekstfelt 14">
            <a:extLst>
              <a:ext uri="{FF2B5EF4-FFF2-40B4-BE49-F238E27FC236}">
                <a16:creationId xmlns:a16="http://schemas.microsoft.com/office/drawing/2014/main" id="{5F9CEE23-AE1F-8E24-07B9-95AD534DEA27}"/>
              </a:ext>
            </a:extLst>
          </p:cNvPr>
          <p:cNvSpPr txBox="1"/>
          <p:nvPr/>
        </p:nvSpPr>
        <p:spPr>
          <a:xfrm>
            <a:off x="8292700" y="3841372"/>
            <a:ext cx="2881593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800" b="0" i="0" u="none" strike="noStrike" baseline="0" dirty="0">
                <a:solidFill>
                  <a:srgbClr val="000000"/>
                </a:solidFill>
                <a:latin typeface="+mj-lt"/>
              </a:rPr>
              <a:t>Understøtte og udvikle de almen medicinske tilbud</a:t>
            </a:r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4542FC29-E8E7-A3DD-10CF-CA5857C019BC}"/>
              </a:ext>
            </a:extLst>
          </p:cNvPr>
          <p:cNvSpPr txBox="1"/>
          <p:nvPr/>
        </p:nvSpPr>
        <p:spPr>
          <a:xfrm>
            <a:off x="7446184" y="5534845"/>
            <a:ext cx="288159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800" dirty="0">
                <a:solidFill>
                  <a:srgbClr val="000000"/>
                </a:solidFill>
                <a:latin typeface="+mj-lt"/>
              </a:rPr>
              <a:t>H</a:t>
            </a:r>
            <a:r>
              <a:rPr lang="da-DK" sz="1800" b="0" i="0" u="none" strike="noStrike" baseline="0" dirty="0">
                <a:solidFill>
                  <a:srgbClr val="000000"/>
                </a:solidFill>
                <a:latin typeface="+mj-lt"/>
              </a:rPr>
              <a:t>olde sygehusvækst nede</a:t>
            </a:r>
          </a:p>
        </p:txBody>
      </p:sp>
      <p:sp>
        <p:nvSpPr>
          <p:cNvPr id="19" name="Tekstfelt 18">
            <a:extLst>
              <a:ext uri="{FF2B5EF4-FFF2-40B4-BE49-F238E27FC236}">
                <a16:creationId xmlns:a16="http://schemas.microsoft.com/office/drawing/2014/main" id="{4BD8B7F7-5DF8-1D20-C34F-D3BEC040A66F}"/>
              </a:ext>
            </a:extLst>
          </p:cNvPr>
          <p:cNvSpPr txBox="1"/>
          <p:nvPr/>
        </p:nvSpPr>
        <p:spPr>
          <a:xfrm>
            <a:off x="1186091" y="3786871"/>
            <a:ext cx="2870657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800" dirty="0">
                <a:solidFill>
                  <a:srgbClr val="000000"/>
                </a:solidFill>
                <a:latin typeface="+mj-lt"/>
              </a:rPr>
              <a:t>L</a:t>
            </a:r>
            <a:r>
              <a:rPr lang="da-DK" sz="1800" b="0" i="0" u="none" strike="noStrike" baseline="0" dirty="0">
                <a:solidFill>
                  <a:srgbClr val="000000"/>
                </a:solidFill>
                <a:latin typeface="+mj-lt"/>
              </a:rPr>
              <a:t>edelse af både psykiatri og </a:t>
            </a:r>
            <a:r>
              <a:rPr lang="da-DK" sz="1800" b="0" i="0" u="none" strike="noStrike" baseline="0" dirty="0" err="1">
                <a:solidFill>
                  <a:srgbClr val="000000"/>
                </a:solidFill>
                <a:latin typeface="+mj-lt"/>
              </a:rPr>
              <a:t>somatik</a:t>
            </a:r>
            <a:endParaRPr lang="da-DK" sz="1800" b="0" i="0" u="none" strike="noStrike" baseline="0" dirty="0">
              <a:solidFill>
                <a:srgbClr val="000000"/>
              </a:solidFill>
              <a:latin typeface="+mj-lt"/>
            </a:endParaRPr>
          </a:p>
        </p:txBody>
      </p:sp>
      <p:sp>
        <p:nvSpPr>
          <p:cNvPr id="21" name="Tekstfelt 20">
            <a:extLst>
              <a:ext uri="{FF2B5EF4-FFF2-40B4-BE49-F238E27FC236}">
                <a16:creationId xmlns:a16="http://schemas.microsoft.com/office/drawing/2014/main" id="{924D63FC-EF69-58DE-73A2-D60D99336119}"/>
              </a:ext>
            </a:extLst>
          </p:cNvPr>
          <p:cNvSpPr txBox="1"/>
          <p:nvPr/>
        </p:nvSpPr>
        <p:spPr>
          <a:xfrm>
            <a:off x="2222851" y="5400845"/>
            <a:ext cx="2870657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800" dirty="0">
                <a:solidFill>
                  <a:srgbClr val="000000"/>
                </a:solidFill>
                <a:latin typeface="+mj-lt"/>
              </a:rPr>
              <a:t>Sa</a:t>
            </a:r>
            <a:r>
              <a:rPr lang="da-DK" sz="1800" b="0" i="0" u="none" strike="noStrike" baseline="0" dirty="0">
                <a:solidFill>
                  <a:srgbClr val="000000"/>
                </a:solidFill>
                <a:latin typeface="+mj-lt"/>
              </a:rPr>
              <a:t>marbejde med partnerskabssygehuse</a:t>
            </a:r>
          </a:p>
        </p:txBody>
      </p:sp>
      <p:pic>
        <p:nvPicPr>
          <p:cNvPr id="23" name="Grafik 22" descr="Nedadgående trendkurve med massiv udfyldning">
            <a:extLst>
              <a:ext uri="{FF2B5EF4-FFF2-40B4-BE49-F238E27FC236}">
                <a16:creationId xmlns:a16="http://schemas.microsoft.com/office/drawing/2014/main" id="{64A0B7B8-7E80-DB0D-C3CB-C05CBEB418D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668657" y="5274215"/>
            <a:ext cx="663280" cy="663280"/>
          </a:xfrm>
          <a:prstGeom prst="rect">
            <a:avLst/>
          </a:prstGeom>
        </p:spPr>
      </p:pic>
      <p:sp>
        <p:nvSpPr>
          <p:cNvPr id="25" name="Ellipse 24">
            <a:extLst>
              <a:ext uri="{FF2B5EF4-FFF2-40B4-BE49-F238E27FC236}">
                <a16:creationId xmlns:a16="http://schemas.microsoft.com/office/drawing/2014/main" id="{496030E1-C253-9EE5-4CD7-0944AE0129C6}"/>
              </a:ext>
            </a:extLst>
          </p:cNvPr>
          <p:cNvSpPr/>
          <p:nvPr/>
        </p:nvSpPr>
        <p:spPr>
          <a:xfrm>
            <a:off x="6554410" y="2073844"/>
            <a:ext cx="869145" cy="851270"/>
          </a:xfrm>
          <a:prstGeom prst="ellipse">
            <a:avLst/>
          </a:prstGeom>
          <a:solidFill>
            <a:srgbClr val="B1D2AE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6" name="Ellipse 25">
            <a:extLst>
              <a:ext uri="{FF2B5EF4-FFF2-40B4-BE49-F238E27FC236}">
                <a16:creationId xmlns:a16="http://schemas.microsoft.com/office/drawing/2014/main" id="{180DC297-0CC4-06B8-E025-FFCAB4F20B2C}"/>
              </a:ext>
            </a:extLst>
          </p:cNvPr>
          <p:cNvSpPr/>
          <p:nvPr/>
        </p:nvSpPr>
        <p:spPr>
          <a:xfrm>
            <a:off x="7423555" y="3685645"/>
            <a:ext cx="869145" cy="851270"/>
          </a:xfrm>
          <a:prstGeom prst="ellipse">
            <a:avLst/>
          </a:prstGeom>
          <a:solidFill>
            <a:srgbClr val="B1D2AE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7" name="Ellipse 26">
            <a:extLst>
              <a:ext uri="{FF2B5EF4-FFF2-40B4-BE49-F238E27FC236}">
                <a16:creationId xmlns:a16="http://schemas.microsoft.com/office/drawing/2014/main" id="{D79A645A-EC78-C746-4626-84DDB58BD107}"/>
              </a:ext>
            </a:extLst>
          </p:cNvPr>
          <p:cNvSpPr/>
          <p:nvPr/>
        </p:nvSpPr>
        <p:spPr>
          <a:xfrm>
            <a:off x="3899302" y="3662065"/>
            <a:ext cx="869145" cy="851270"/>
          </a:xfrm>
          <a:prstGeom prst="ellipse">
            <a:avLst/>
          </a:prstGeom>
          <a:solidFill>
            <a:srgbClr val="B1D2AE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8" name="Ellipse 27">
            <a:extLst>
              <a:ext uri="{FF2B5EF4-FFF2-40B4-BE49-F238E27FC236}">
                <a16:creationId xmlns:a16="http://schemas.microsoft.com/office/drawing/2014/main" id="{3F371EBD-11AB-ABDB-DDA7-CCBBF1AB76D6}"/>
              </a:ext>
            </a:extLst>
          </p:cNvPr>
          <p:cNvSpPr/>
          <p:nvPr/>
        </p:nvSpPr>
        <p:spPr>
          <a:xfrm>
            <a:off x="4768447" y="5191526"/>
            <a:ext cx="869145" cy="851270"/>
          </a:xfrm>
          <a:prstGeom prst="ellipse">
            <a:avLst/>
          </a:prstGeom>
          <a:solidFill>
            <a:srgbClr val="B1D2AE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9" name="Ellipse 28">
            <a:extLst>
              <a:ext uri="{FF2B5EF4-FFF2-40B4-BE49-F238E27FC236}">
                <a16:creationId xmlns:a16="http://schemas.microsoft.com/office/drawing/2014/main" id="{E68EB4A4-253F-7ECA-033E-3172017EC4F8}"/>
              </a:ext>
            </a:extLst>
          </p:cNvPr>
          <p:cNvSpPr/>
          <p:nvPr/>
        </p:nvSpPr>
        <p:spPr>
          <a:xfrm>
            <a:off x="4768447" y="2073844"/>
            <a:ext cx="869145" cy="851270"/>
          </a:xfrm>
          <a:prstGeom prst="ellipse">
            <a:avLst/>
          </a:prstGeom>
          <a:solidFill>
            <a:srgbClr val="B1D2AE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pic>
        <p:nvPicPr>
          <p:cNvPr id="31" name="Grafik 30" descr="Stetoskop med massiv udfyldning">
            <a:extLst>
              <a:ext uri="{FF2B5EF4-FFF2-40B4-BE49-F238E27FC236}">
                <a16:creationId xmlns:a16="http://schemas.microsoft.com/office/drawing/2014/main" id="{509D3305-8FD9-CFAD-CAAB-5D8A2F31614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7574289" y="3825632"/>
            <a:ext cx="567676" cy="567676"/>
          </a:xfrm>
          <a:prstGeom prst="rect">
            <a:avLst/>
          </a:prstGeom>
        </p:spPr>
      </p:pic>
      <p:pic>
        <p:nvPicPr>
          <p:cNvPr id="33" name="Grafik 32" descr="Møde med massiv udfyldning">
            <a:extLst>
              <a:ext uri="{FF2B5EF4-FFF2-40B4-BE49-F238E27FC236}">
                <a16:creationId xmlns:a16="http://schemas.microsoft.com/office/drawing/2014/main" id="{65A578D3-4479-E2FB-9D06-7C10E39E3B7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4880333" y="2190195"/>
            <a:ext cx="618565" cy="618565"/>
          </a:xfrm>
          <a:prstGeom prst="rect">
            <a:avLst/>
          </a:prstGeom>
        </p:spPr>
      </p:pic>
      <p:pic>
        <p:nvPicPr>
          <p:cNvPr id="35" name="Grafik 34" descr="Hierarki med massiv udfyldning">
            <a:extLst>
              <a:ext uri="{FF2B5EF4-FFF2-40B4-BE49-F238E27FC236}">
                <a16:creationId xmlns:a16="http://schemas.microsoft.com/office/drawing/2014/main" id="{13F00AB3-9C07-D6F8-017A-564AF52949DC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4024550" y="3732539"/>
            <a:ext cx="618565" cy="618565"/>
          </a:xfrm>
          <a:prstGeom prst="rect">
            <a:avLst/>
          </a:prstGeom>
        </p:spPr>
      </p:pic>
      <p:pic>
        <p:nvPicPr>
          <p:cNvPr id="37" name="Grafik 36" descr="Sygehus med massiv udfyldning">
            <a:extLst>
              <a:ext uri="{FF2B5EF4-FFF2-40B4-BE49-F238E27FC236}">
                <a16:creationId xmlns:a16="http://schemas.microsoft.com/office/drawing/2014/main" id="{67E48C80-4518-491D-5ADD-E7E253236663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4887056" y="5274215"/>
            <a:ext cx="605118" cy="605118"/>
          </a:xfrm>
          <a:prstGeom prst="rect">
            <a:avLst/>
          </a:prstGeom>
        </p:spPr>
      </p:pic>
      <p:pic>
        <p:nvPicPr>
          <p:cNvPr id="39" name="Grafik 38" descr="Kvarter med massiv udfyldning">
            <a:extLst>
              <a:ext uri="{FF2B5EF4-FFF2-40B4-BE49-F238E27FC236}">
                <a16:creationId xmlns:a16="http://schemas.microsoft.com/office/drawing/2014/main" id="{DC49139A-8EF7-A4FC-B2CB-F6C93EE07A6A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6722841" y="2200509"/>
            <a:ext cx="554911" cy="5549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467106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4BF9537A-80FB-0E11-C3A5-911887BEDA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11831" y="332544"/>
            <a:ext cx="10369875" cy="414000"/>
          </a:xfrm>
        </p:spPr>
        <p:txBody>
          <a:bodyPr anchor="b">
            <a:normAutofit/>
          </a:bodyPr>
          <a:lstStyle/>
          <a:p>
            <a:r>
              <a:rPr lang="da-DK" dirty="0"/>
              <a:t>Hvorfra og hvortil? 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F3A96A27-295C-23F0-A585-6B743A40260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6799" y="2303558"/>
            <a:ext cx="1427215" cy="479944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da-DK" b="1" dirty="0"/>
              <a:t>AHH 2025</a:t>
            </a: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E34BEFA-C060-8B69-4534-3F07430D8C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9</a:t>
            </a:fld>
            <a:endParaRPr lang="da-DK"/>
          </a:p>
        </p:txBody>
      </p:sp>
      <p:graphicFrame>
        <p:nvGraphicFramePr>
          <p:cNvPr id="8" name="Pladsholder til indhold 7">
            <a:extLst>
              <a:ext uri="{FF2B5EF4-FFF2-40B4-BE49-F238E27FC236}">
                <a16:creationId xmlns:a16="http://schemas.microsoft.com/office/drawing/2014/main" id="{619F2818-1448-7774-591C-265068560B4C}"/>
              </a:ext>
            </a:extLst>
          </p:cNvPr>
          <p:cNvGraphicFramePr>
            <a:graphicFrameLocks noGrp="1"/>
          </p:cNvGraphicFramePr>
          <p:nvPr>
            <p:ph sz="half" idx="4294967295"/>
          </p:nvPr>
        </p:nvGraphicFramePr>
        <p:xfrm>
          <a:off x="4011831" y="2702796"/>
          <a:ext cx="4240588" cy="280289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926214">
                  <a:extLst>
                    <a:ext uri="{9D8B030D-6E8A-4147-A177-3AD203B41FA5}">
                      <a16:colId xmlns:a16="http://schemas.microsoft.com/office/drawing/2014/main" val="637901496"/>
                    </a:ext>
                  </a:extLst>
                </a:gridCol>
                <a:gridCol w="1056949">
                  <a:extLst>
                    <a:ext uri="{9D8B030D-6E8A-4147-A177-3AD203B41FA5}">
                      <a16:colId xmlns:a16="http://schemas.microsoft.com/office/drawing/2014/main" val="3449937849"/>
                    </a:ext>
                  </a:extLst>
                </a:gridCol>
                <a:gridCol w="1104900">
                  <a:extLst>
                    <a:ext uri="{9D8B030D-6E8A-4147-A177-3AD203B41FA5}">
                      <a16:colId xmlns:a16="http://schemas.microsoft.com/office/drawing/2014/main" val="3828015752"/>
                    </a:ext>
                  </a:extLst>
                </a:gridCol>
                <a:gridCol w="1152525">
                  <a:extLst>
                    <a:ext uri="{9D8B030D-6E8A-4147-A177-3AD203B41FA5}">
                      <a16:colId xmlns:a16="http://schemas.microsoft.com/office/drawing/2014/main" val="2966302054"/>
                    </a:ext>
                  </a:extLst>
                </a:gridCol>
              </a:tblGrid>
              <a:tr h="391976">
                <a:tc>
                  <a:txBody>
                    <a:bodyPr/>
                    <a:lstStyle/>
                    <a:p>
                      <a:pPr algn="r"/>
                      <a:r>
                        <a:rPr lang="da-DK" sz="1200" dirty="0">
                          <a:solidFill>
                            <a:schemeClr val="bg1"/>
                          </a:solidFill>
                        </a:rPr>
                        <a:t>Neurologi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dirty="0">
                          <a:solidFill>
                            <a:schemeClr val="bg1"/>
                          </a:solidFill>
                        </a:rPr>
                        <a:t>PC Amager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dirty="0">
                          <a:solidFill>
                            <a:schemeClr val="bg1"/>
                          </a:solidFill>
                        </a:rPr>
                        <a:t>PC Glostrup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dirty="0">
                          <a:solidFill>
                            <a:schemeClr val="bg1"/>
                          </a:solidFill>
                        </a:rPr>
                        <a:t>PC Sct. Hans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87486974"/>
                  </a:ext>
                </a:extLst>
              </a:tr>
              <a:tr h="451041"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611.000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239.000*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280.500*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1.543.000*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90961263"/>
                  </a:ext>
                </a:extLst>
              </a:tr>
              <a:tr h="391976"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?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363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521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448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2555438"/>
                  </a:ext>
                </a:extLst>
              </a:tr>
              <a:tr h="391976"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Ca. 60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129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188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232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2295123"/>
                  </a:ext>
                </a:extLst>
              </a:tr>
              <a:tr h="391976"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?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543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771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665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71318255"/>
                  </a:ext>
                </a:extLst>
              </a:tr>
              <a:tr h="391976"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01174581"/>
                  </a:ext>
                </a:extLst>
              </a:tr>
              <a:tr h="391976">
                <a:tc gridSpan="4"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dirty="0"/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497F95">
                        <a:alpha val="34902"/>
                      </a:srgb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20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497F95">
                        <a:alpha val="34902"/>
                      </a:srgb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20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497F95">
                        <a:alpha val="34902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38116887"/>
                  </a:ext>
                </a:extLst>
              </a:tr>
            </a:tbl>
          </a:graphicData>
        </a:graphic>
      </p:graphicFrame>
      <p:sp>
        <p:nvSpPr>
          <p:cNvPr id="9" name="Rektangel 8">
            <a:extLst>
              <a:ext uri="{FF2B5EF4-FFF2-40B4-BE49-F238E27FC236}">
                <a16:creationId xmlns:a16="http://schemas.microsoft.com/office/drawing/2014/main" id="{DAC94A67-F0CF-F25A-4D4E-D01AF02FE4C2}"/>
              </a:ext>
            </a:extLst>
          </p:cNvPr>
          <p:cNvSpPr/>
          <p:nvPr/>
        </p:nvSpPr>
        <p:spPr>
          <a:xfrm>
            <a:off x="8974511" y="2705100"/>
            <a:ext cx="2745541" cy="2800593"/>
          </a:xfrm>
          <a:prstGeom prst="rect">
            <a:avLst/>
          </a:prstGeom>
          <a:solidFill>
            <a:srgbClr val="04543D">
              <a:alpha val="90000"/>
            </a:srgb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72000" rIns="0" bIns="0" rtlCol="0" anchor="t"/>
          <a:lstStyle/>
          <a:p>
            <a:pPr>
              <a:spcAft>
                <a:spcPts val="300"/>
              </a:spcAft>
            </a:pPr>
            <a:r>
              <a:rPr lang="da-DK" sz="1600" b="1" dirty="0"/>
              <a:t>Det nære</a:t>
            </a:r>
          </a:p>
          <a:p>
            <a:pPr marL="26670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200" b="1" dirty="0"/>
              <a:t>Fra 10 til 9 kommuner i sundhedsrådet, dog 10 i optageområdet</a:t>
            </a:r>
          </a:p>
          <a:p>
            <a:pPr marL="26670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200" b="1" dirty="0"/>
              <a:t>Sundheds- og omsorgspladser</a:t>
            </a:r>
          </a:p>
          <a:p>
            <a:pPr marL="26670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200" b="1" dirty="0"/>
              <a:t>Patientrettet forebyggelse</a:t>
            </a:r>
          </a:p>
          <a:p>
            <a:pPr marL="26670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200" b="1" dirty="0"/>
              <a:t>Akut sygepleje</a:t>
            </a:r>
          </a:p>
          <a:p>
            <a:pPr marL="26670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200" b="1" dirty="0"/>
              <a:t>Specialiseret rehabilitering og avanceret genoptræning</a:t>
            </a:r>
          </a:p>
        </p:txBody>
      </p:sp>
      <p:graphicFrame>
        <p:nvGraphicFramePr>
          <p:cNvPr id="3" name="Pladsholder til indhold 7">
            <a:extLst>
              <a:ext uri="{FF2B5EF4-FFF2-40B4-BE49-F238E27FC236}">
                <a16:creationId xmlns:a16="http://schemas.microsoft.com/office/drawing/2014/main" id="{6D5311A0-1132-21A6-84E2-829428E81E1D}"/>
              </a:ext>
            </a:extLst>
          </p:cNvPr>
          <p:cNvGraphicFramePr>
            <a:graphicFrameLocks/>
          </p:cNvGraphicFramePr>
          <p:nvPr/>
        </p:nvGraphicFramePr>
        <p:xfrm>
          <a:off x="1126799" y="2702796"/>
          <a:ext cx="2162940" cy="280289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73501">
                  <a:extLst>
                    <a:ext uri="{9D8B030D-6E8A-4147-A177-3AD203B41FA5}">
                      <a16:colId xmlns:a16="http://schemas.microsoft.com/office/drawing/2014/main" val="637901496"/>
                    </a:ext>
                  </a:extLst>
                </a:gridCol>
                <a:gridCol w="889439">
                  <a:extLst>
                    <a:ext uri="{9D8B030D-6E8A-4147-A177-3AD203B41FA5}">
                      <a16:colId xmlns:a16="http://schemas.microsoft.com/office/drawing/2014/main" val="3449937849"/>
                    </a:ext>
                  </a:extLst>
                </a:gridCol>
              </a:tblGrid>
              <a:tr h="391976">
                <a:tc>
                  <a:txBody>
                    <a:bodyPr/>
                    <a:lstStyle/>
                    <a:p>
                      <a:endParaRPr lang="da-DK" sz="120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dirty="0">
                          <a:solidFill>
                            <a:schemeClr val="bg1"/>
                          </a:solidFill>
                        </a:rPr>
                        <a:t>AHH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87486974"/>
                  </a:ext>
                </a:extLst>
              </a:tr>
              <a:tr h="451041">
                <a:tc>
                  <a:txBody>
                    <a:bodyPr/>
                    <a:lstStyle/>
                    <a:p>
                      <a:r>
                        <a:rPr lang="da-DK" sz="1200" b="1" dirty="0">
                          <a:solidFill>
                            <a:schemeClr val="bg1"/>
                          </a:solidFill>
                        </a:rPr>
                        <a:t>Optageområde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611.000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90961263"/>
                  </a:ext>
                </a:extLst>
              </a:tr>
              <a:tr h="391976">
                <a:tc>
                  <a:txBody>
                    <a:bodyPr/>
                    <a:lstStyle/>
                    <a:p>
                      <a:r>
                        <a:rPr lang="da-DK" sz="1200" b="1" dirty="0">
                          <a:solidFill>
                            <a:schemeClr val="bg1"/>
                          </a:solidFill>
                        </a:rPr>
                        <a:t>Budget mio./år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3.300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2555438"/>
                  </a:ext>
                </a:extLst>
              </a:tr>
              <a:tr h="391976">
                <a:tc>
                  <a:txBody>
                    <a:bodyPr/>
                    <a:lstStyle/>
                    <a:p>
                      <a:r>
                        <a:rPr lang="da-DK" sz="1200" b="1" dirty="0">
                          <a:solidFill>
                            <a:schemeClr val="bg1"/>
                          </a:solidFill>
                        </a:rPr>
                        <a:t>Senge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614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53114107"/>
                  </a:ext>
                </a:extLst>
              </a:tr>
              <a:tr h="391976">
                <a:tc>
                  <a:txBody>
                    <a:bodyPr/>
                    <a:lstStyle/>
                    <a:p>
                      <a:r>
                        <a:rPr lang="da-DK" sz="1200" b="1" dirty="0">
                          <a:solidFill>
                            <a:schemeClr val="bg1"/>
                          </a:solidFill>
                        </a:rPr>
                        <a:t>Ansatte**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4.540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71318255"/>
                  </a:ext>
                </a:extLst>
              </a:tr>
              <a:tr h="391976">
                <a:tc>
                  <a:txBody>
                    <a:bodyPr/>
                    <a:lstStyle/>
                    <a:p>
                      <a:r>
                        <a:rPr lang="da-DK" sz="1200" b="1" dirty="0" err="1">
                          <a:solidFill>
                            <a:schemeClr val="bg1"/>
                          </a:solidFill>
                        </a:rPr>
                        <a:t>Afd.ledere</a:t>
                      </a:r>
                      <a:r>
                        <a:rPr lang="da-DK" sz="1200" b="1" dirty="0">
                          <a:solidFill>
                            <a:schemeClr val="bg1"/>
                          </a:solidFill>
                        </a:rPr>
                        <a:t>***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39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01174581"/>
                  </a:ext>
                </a:extLst>
              </a:tr>
              <a:tr h="391976">
                <a:tc>
                  <a:txBody>
                    <a:bodyPr/>
                    <a:lstStyle/>
                    <a:p>
                      <a:r>
                        <a:rPr lang="da-DK" sz="1200" b="1" dirty="0">
                          <a:solidFill>
                            <a:schemeClr val="bg1"/>
                          </a:solidFill>
                        </a:rPr>
                        <a:t>Direktion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04543D">
                        <a:alpha val="90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200" b="0" dirty="0">
                          <a:solidFill>
                            <a:schemeClr val="tx1"/>
                          </a:solidFill>
                        </a:rPr>
                        <a:t>4</a:t>
                      </a:r>
                    </a:p>
                  </a:txBody>
                  <a:tcPr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1D2A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47391132"/>
                  </a:ext>
                </a:extLst>
              </a:tr>
            </a:tbl>
          </a:graphicData>
        </a:graphic>
      </p:graphicFrame>
      <p:sp>
        <p:nvSpPr>
          <p:cNvPr id="10" name="Plustegn 9">
            <a:extLst>
              <a:ext uri="{FF2B5EF4-FFF2-40B4-BE49-F238E27FC236}">
                <a16:creationId xmlns:a16="http://schemas.microsoft.com/office/drawing/2014/main" id="{CDCE798F-E6A8-EED8-9CC5-D54BCDFAF275}"/>
              </a:ext>
            </a:extLst>
          </p:cNvPr>
          <p:cNvSpPr/>
          <p:nvPr/>
        </p:nvSpPr>
        <p:spPr>
          <a:xfrm>
            <a:off x="3317333" y="3600975"/>
            <a:ext cx="666750" cy="614562"/>
          </a:xfrm>
          <a:prstGeom prst="mathPlus">
            <a:avLst/>
          </a:prstGeom>
          <a:solidFill>
            <a:schemeClr val="tx1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1" name="Plustegn 10">
            <a:extLst>
              <a:ext uri="{FF2B5EF4-FFF2-40B4-BE49-F238E27FC236}">
                <a16:creationId xmlns:a16="http://schemas.microsoft.com/office/drawing/2014/main" id="{054A5DE3-D033-5189-8BD7-2D09C9CCBD44}"/>
              </a:ext>
            </a:extLst>
          </p:cNvPr>
          <p:cNvSpPr/>
          <p:nvPr/>
        </p:nvSpPr>
        <p:spPr>
          <a:xfrm>
            <a:off x="8280167" y="3600975"/>
            <a:ext cx="666750" cy="614562"/>
          </a:xfrm>
          <a:prstGeom prst="mathPlus">
            <a:avLst/>
          </a:prstGeom>
          <a:solidFill>
            <a:schemeClr val="tx1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E51341C1-CD04-BD5F-4444-E592BD545EEC}"/>
              </a:ext>
            </a:extLst>
          </p:cNvPr>
          <p:cNvSpPr txBox="1"/>
          <p:nvPr/>
        </p:nvSpPr>
        <p:spPr>
          <a:xfrm>
            <a:off x="1126799" y="5622719"/>
            <a:ext cx="1774751" cy="564424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000" dirty="0"/>
              <a:t>*18+ år</a:t>
            </a:r>
          </a:p>
          <a:p>
            <a:r>
              <a:rPr lang="da-DK" sz="1000" dirty="0"/>
              <a:t>**Månedslønnede pr. juli 2025 </a:t>
            </a:r>
          </a:p>
          <a:p>
            <a:r>
              <a:rPr lang="da-DK" sz="1000" dirty="0"/>
              <a:t>***Afdelingsledere for kliniske og tværgående afdelinger, inkl. centerchefer for de psykiatriske centre, og chefer for centrale stabsfunktioner</a:t>
            </a:r>
          </a:p>
          <a:p>
            <a:endParaRPr lang="da-DK" sz="1000" dirty="0"/>
          </a:p>
          <a:p>
            <a:r>
              <a:rPr lang="da-DK" sz="1000" dirty="0"/>
              <a:t>Fra psykiatrien tilgår i 2026 herudover medarbejdere fra den centrale administration, herunder de tværgående funktioner Handleplan for sikkerhed og tryghed og Vikarcentret</a:t>
            </a:r>
          </a:p>
          <a:p>
            <a:r>
              <a:rPr lang="da-DK" sz="1000" dirty="0"/>
              <a:t> </a:t>
            </a:r>
          </a:p>
        </p:txBody>
      </p:sp>
      <p:sp>
        <p:nvSpPr>
          <p:cNvPr id="14" name="Pladsholder til indhold 5">
            <a:extLst>
              <a:ext uri="{FF2B5EF4-FFF2-40B4-BE49-F238E27FC236}">
                <a16:creationId xmlns:a16="http://schemas.microsoft.com/office/drawing/2014/main" id="{23B7BC79-55FF-A84C-C67F-F8B3BE47A621}"/>
              </a:ext>
            </a:extLst>
          </p:cNvPr>
          <p:cNvSpPr txBox="1">
            <a:spLocks/>
          </p:cNvSpPr>
          <p:nvPr/>
        </p:nvSpPr>
        <p:spPr>
          <a:xfrm>
            <a:off x="4011831" y="2303558"/>
            <a:ext cx="1427215" cy="47994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126000" indent="-12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0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10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5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1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7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3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9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5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2026</a:t>
            </a:r>
            <a:endParaRPr lang="da-DK" dirty="0"/>
          </a:p>
        </p:txBody>
      </p:sp>
      <p:sp>
        <p:nvSpPr>
          <p:cNvPr id="15" name="Pladsholder til indhold 5">
            <a:extLst>
              <a:ext uri="{FF2B5EF4-FFF2-40B4-BE49-F238E27FC236}">
                <a16:creationId xmlns:a16="http://schemas.microsoft.com/office/drawing/2014/main" id="{1058A8F6-1C4C-6E0D-7743-07A3046D9FEF}"/>
              </a:ext>
            </a:extLst>
          </p:cNvPr>
          <p:cNvSpPr txBox="1">
            <a:spLocks/>
          </p:cNvSpPr>
          <p:nvPr/>
        </p:nvSpPr>
        <p:spPr>
          <a:xfrm>
            <a:off x="8995525" y="2303558"/>
            <a:ext cx="1427215" cy="47994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126000" indent="-12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0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10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5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1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7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3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9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52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2027</a:t>
            </a:r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A03F2B86-53C7-575D-D59D-E9BE3AF6D74B}"/>
              </a:ext>
            </a:extLst>
          </p:cNvPr>
          <p:cNvSpPr txBox="1"/>
          <p:nvPr/>
        </p:nvSpPr>
        <p:spPr>
          <a:xfrm>
            <a:off x="1126800" y="868404"/>
            <a:ext cx="7125619" cy="414000"/>
          </a:xfrm>
          <a:prstGeom prst="rect">
            <a:avLst/>
          </a:prstGeom>
          <a:solidFill>
            <a:schemeClr val="accent3">
              <a:lumMod val="50000"/>
            </a:schemeClr>
          </a:solidFill>
        </p:spPr>
        <p:txBody>
          <a:bodyPr wrap="square" lIns="36000" tIns="0" rIns="0" bIns="0" rtlCol="0">
            <a:noAutofit/>
          </a:bodyPr>
          <a:lstStyle/>
          <a:p>
            <a:r>
              <a:rPr lang="da-DK" sz="1400" b="1" dirty="0">
                <a:solidFill>
                  <a:schemeClr val="bg1"/>
                </a:solidFill>
              </a:rPr>
              <a:t>Regionsråd i Region H</a:t>
            </a: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CF04A8AB-1C09-C463-6F0D-A6A9A86913E6}"/>
              </a:ext>
            </a:extLst>
          </p:cNvPr>
          <p:cNvSpPr txBox="1"/>
          <p:nvPr/>
        </p:nvSpPr>
        <p:spPr>
          <a:xfrm>
            <a:off x="4011831" y="1353573"/>
            <a:ext cx="4240588" cy="339220"/>
          </a:xfrm>
          <a:prstGeom prst="rect">
            <a:avLst/>
          </a:prstGeom>
          <a:solidFill>
            <a:schemeClr val="bg2">
              <a:lumMod val="50000"/>
            </a:schemeClr>
          </a:solidFill>
        </p:spPr>
        <p:txBody>
          <a:bodyPr wrap="square" lIns="36000" tIns="0" rIns="0" bIns="0" rtlCol="0">
            <a:noAutofit/>
          </a:bodyPr>
          <a:lstStyle/>
          <a:p>
            <a:r>
              <a:rPr lang="da-DK" sz="1400" b="1" dirty="0">
                <a:solidFill>
                  <a:schemeClr val="bg1"/>
                </a:solidFill>
              </a:rPr>
              <a:t>Forberedende Regionsråd i Region Øst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98451428-3BC3-18AC-2D3D-9DDCD427DD2C}"/>
              </a:ext>
            </a:extLst>
          </p:cNvPr>
          <p:cNvSpPr txBox="1"/>
          <p:nvPr/>
        </p:nvSpPr>
        <p:spPr>
          <a:xfrm>
            <a:off x="8946917" y="863189"/>
            <a:ext cx="2745542" cy="414000"/>
          </a:xfrm>
          <a:prstGeom prst="rect">
            <a:avLst/>
          </a:prstGeom>
          <a:solidFill>
            <a:schemeClr val="accent3">
              <a:lumMod val="50000"/>
            </a:schemeClr>
          </a:solidFill>
        </p:spPr>
        <p:txBody>
          <a:bodyPr wrap="square" lIns="36000" tIns="0" rIns="0" bIns="0" rtlCol="0">
            <a:noAutofit/>
          </a:bodyPr>
          <a:lstStyle/>
          <a:p>
            <a:r>
              <a:rPr lang="da-DK" sz="1400" b="1" dirty="0">
                <a:solidFill>
                  <a:schemeClr val="bg1"/>
                </a:solidFill>
              </a:rPr>
              <a:t>Regionsråd i Region Øst</a:t>
            </a:r>
          </a:p>
        </p:txBody>
      </p:sp>
      <p:sp>
        <p:nvSpPr>
          <p:cNvPr id="16" name="Tekstfelt 15">
            <a:extLst>
              <a:ext uri="{FF2B5EF4-FFF2-40B4-BE49-F238E27FC236}">
                <a16:creationId xmlns:a16="http://schemas.microsoft.com/office/drawing/2014/main" id="{30918E48-CB9D-39BB-58F3-2ACB02D83F4D}"/>
              </a:ext>
            </a:extLst>
          </p:cNvPr>
          <p:cNvSpPr txBox="1"/>
          <p:nvPr/>
        </p:nvSpPr>
        <p:spPr>
          <a:xfrm>
            <a:off x="4011831" y="1778437"/>
            <a:ext cx="4240588" cy="456251"/>
          </a:xfrm>
          <a:prstGeom prst="rect">
            <a:avLst/>
          </a:prstGeom>
          <a:solidFill>
            <a:schemeClr val="bg2">
              <a:lumMod val="50000"/>
            </a:schemeClr>
          </a:solidFill>
        </p:spPr>
        <p:txBody>
          <a:bodyPr wrap="square" lIns="36000" tIns="0" rIns="0" bIns="0" rtlCol="0">
            <a:noAutofit/>
          </a:bodyPr>
          <a:lstStyle/>
          <a:p>
            <a:r>
              <a:rPr lang="da-DK" sz="1400" b="1" dirty="0">
                <a:solidFill>
                  <a:schemeClr val="bg1"/>
                </a:solidFill>
              </a:rPr>
              <a:t>Forberedende Sundhedsråd Amager og      Vestegnen</a:t>
            </a:r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E9D4CFC5-376B-897C-B7F8-C108830B7EBA}"/>
              </a:ext>
            </a:extLst>
          </p:cNvPr>
          <p:cNvSpPr txBox="1"/>
          <p:nvPr/>
        </p:nvSpPr>
        <p:spPr>
          <a:xfrm>
            <a:off x="8946917" y="1349231"/>
            <a:ext cx="2745542" cy="479944"/>
          </a:xfrm>
          <a:prstGeom prst="rect">
            <a:avLst/>
          </a:prstGeom>
          <a:solidFill>
            <a:schemeClr val="accent3">
              <a:lumMod val="50000"/>
            </a:schemeClr>
          </a:solidFill>
        </p:spPr>
        <p:txBody>
          <a:bodyPr wrap="square" lIns="36000" tIns="0" rIns="0" bIns="0" rtlCol="0">
            <a:noAutofit/>
          </a:bodyPr>
          <a:lstStyle/>
          <a:p>
            <a:r>
              <a:rPr lang="da-DK" sz="1400" b="1" dirty="0">
                <a:solidFill>
                  <a:schemeClr val="bg1"/>
                </a:solidFill>
              </a:rPr>
              <a:t>Sundhedsråd Amager og   Vestegnen</a:t>
            </a:r>
          </a:p>
        </p:txBody>
      </p:sp>
    </p:spTree>
    <p:extLst>
      <p:ext uri="{BB962C8B-B14F-4D97-AF65-F5344CB8AC3E}">
        <p14:creationId xmlns:p14="http://schemas.microsoft.com/office/powerpoint/2010/main" val="24812721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12" grpId="0" animBg="1"/>
      <p:bldP spid="13" grpId="0" animBg="1"/>
      <p:bldP spid="16" grpId="0" animBg="1"/>
      <p:bldP spid="17" grpId="0" animBg="1"/>
    </p:bldLst>
  </p:timing>
</p:sld>
</file>

<file path=ppt/theme/theme1.xml><?xml version="1.0" encoding="utf-8"?>
<a:theme xmlns:a="http://schemas.openxmlformats.org/drawingml/2006/main" name="RegionH PowerPoint-skabelon 2024 (lys)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RegionH PowerPoint-skabelon 2024 (mørk)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3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2.xml><?xml version="1.0" encoding="utf-8"?>
<Templafy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{"name":"PresentationTitle","value":"bYbka6NvHuzPlIv+8JFqsQ=="},{"name":"Dato_Manuel","value":"bYbka6NvHuzPlIv+8JFqsQ=="}]}]]></TemplafyFormConfiguration>
</file>

<file path=customXml/item3.xml><?xml version="1.0" encoding="utf-8"?>
<TemplafyTemplateConfiguration><![CDATA[{"elementsMetadata":[{"type":"shape","id":"a48036db-2e72-4822-bd54-d2971034d27b","elementConfiguration":{"inheritDimensions":"{{InheritDimensions.InheritNone}}","width":"1.91 cm","height":"1.91 cm","image":"{{UserProfile.Office.LogoRef.LogoHRef.Image}}","visibility":"","type":"image","disableUpdates":false}},{"type":"shape","id":"3180fb21-7a92-49e4-bd7e-842e997699fb","elementConfiguration":{"inheritDimensions":"{{InheritDimensions.InheritNone}}","width":"3.68 cm","height":"1.17 cm","image":"{{UserProfile.Ekstralogo.ExtraLogoPPRef.Image}}","visibility":"","type":"image","disableUpdates":false}},{"type":"shape","id":"06dbf9f6-a41a-4d7f-bc32-2c8d034e652f","elementConfiguration":{"inheritDimensions":"{{InheritDimensions.InheritNone}}","width":"6.05 cm","height":"1.9 cm","image":"{{UserProfile.Ekstralogo.ExtraLogoSix_PPRef.Image}}","visibility":"","type":"image","disableUpdates":false}},{"type":"shape","id":"c071e1ea-fc8a-4884-b32b-d04c658cb8de","elementConfiguration":{"binding":"{{UserProfile.Office.Virksomhed}}","visibility":"{{IfElse(Equals(UserProfile.Office.Virksomhed, \"\"), VisibilityType.Hidden, VisibilityType.Visible)}}","type":"text","disableUpdates":false}},{"type":"shape","id":"4bb31529-ad31-4550-9bda-f405c17a3569","elementConfiguration":{"binding":"{{Form.PresentationTitle}}","visibility":"","type":"text","disableUpdates":false}},{"type":"shape","id":"431d7fc1-0cad-4597-b5b1-a555954d20a3","elementConfiguration":{"binding":"{{StringJoin(\" \", UserProfile.Fornavn,UserProfile.Efternavn)}}","visibility":"{{IfElse(Not(Equals(Form.Dato_Manuel, \"\")), VisibilityType.Hidden, VisibilityType.Visible)}}","type":"text","disableUpdates":false}},{"type":"shape","id":"e78364c7-3ec8-4c77-a0bf-580f7deba0fa","elementConfiguration":{"binding":"{{Form.Dato_Manuel}}","visibility":"","type":"text","disableUpdates":false}},{"type":"shape","id":"36014496-db18-438e-ad76-351a3ea8de6b","elementConfiguration":{"binding":"{{UserProfile.CenterFreeText}}","visibility":"{{IfElse(Equals(UserProfile.Centers.Center, \"\"), VisibilityType.Visible, VisibilityType.Hidden)}}","type":"text","disableUpdates":false}},{"type":"shape","id":"89a2d772-0004-43c7-bda9-2101fcc0495e","elementConfiguration":{"binding":"{{UserProfile.Centers.Center}}","visibility":"{{IfElse(Equals(UserProfile.Centers.Center, \"\"), VisibilityType.Hidden, VisibilityType.Visible)}}","type":"text","disableUpdates":false}},{"type":"shape","id":"52897db3-a9eb-4f0a-85fe-30df6e7e1c55","elementConfiguration":{"inheritDimensions":"{{InheritDimensions.InheritNone}}","width":"1.91 cm","height":"1.91 cm","image":"{{UserProfile.Office.LogoRef.LogoHRef.Image}}","visibility":"","type":"image","disableUpdates":false}},{"type":"shape","id":"329321ef-d1fe-4f35-9795-fc530ae2cf60","elementConfiguration":{"inheritDimensions":"{{InheritDimensions.InheritNone}}","width":"3.68 cm","height":"1.17 cm","image":"{{UserProfile.Ekstralogo.ExtraLogoPPRef.Image}}","visibility":"","type":"image","disableUpdates":false}},{"type":"shape","id":"6f826eb7-b614-405f-87ca-42f5a9812cd9","elementConfiguration":{"inheritDimensions":"{{InheritDimensions.InheritNone}}","width":"6.05 cm","height":"1.9 cm","image":"{{UserProfile.Ekstralogo.ExtraLogoSix_PPRef.Image}}","visibility":"","type":"image","disableUpdates":false}},{"type":"shape","id":"2e08cefa-bf5b-49da-b277-ff629d208c68","elementConfiguration":{"binding":"{{UserProfile.Office.Virksomhed}}","visibility":"{{IfElse(Equals(UserProfile.Office.Virksomhed, \"\"), VisibilityType.Hidden, VisibilityType.Visible)}}","type":"text","disableUpdates":false}},{"type":"shape","id":"a14bee01-a999-4e9f-996a-f1ee6d87e2af","elementConfiguration":{"binding":"{{Form.PresentationTitle}}","visibility":"","type":"text","disableUpdates":false}},{"type":"shape","id":"7a8c7994-34d1-4779-9be4-53d31353aaae","elementConfiguration":{"binding":"{{StringJoin(\" \", UserProfile.Fornavn,UserProfile.Efternavn)}}","visibility":"{{IfElse(Not(Equals(Form.Dato_Manuel, \"\")), VisibilityType.Hidden, VisibilityType.Visible)}}","type":"text","disableUpdates":false}},{"type":"shape","id":"8f3a7c45-28ee-45b5-99fe-cb9f2ff1f8cb","elementConfiguration":{"binding":"{{Form.Dato_Manuel}}","visibility":"","type":"text","disableUpdates":false}},{"type":"shape","id":"cd867bbe-7f11-4938-8b72-056267aa3407","elementConfiguration":{"binding":"{{UserProfile.CenterFreeText}}","visibility":"{{IfElse(Equals(UserProfile.Centers.Center, \"\"), VisibilityType.Visible, VisibilityType.Hidden)}}","type":"text","disableUpdates":false}},{"type":"shape","id":"6549a26a-f275-4336-97f1-1b9be3dfd061","elementConfiguration":{"binding":"{{UserProfile.Centers.Center}}","visibility":"{{IfElse(Equals(UserProfile.Centers.Center, \"\"), VisibilityType.Hidden, VisibilityType.Visible)}}","type":"text","disableUpdates":false}},{"type":"shape","id":"1a5a515d-b35e-480d-93ac-f22029f63558","elementConfiguration":{"inheritDimensions":"{{InheritDimensions.InheritNone}}","width":"6.05 cm","height":"1.9 cm","image":"{{UserProfile.Ekstralogo.ExtraLogoSix_PPRef.Image}}","visibility":"","type":"image","disableUpdates":false}},{"type":"shape","id":"75e92886-1c3e-4513-a558-4d7f8fad2d58","elementConfiguration":{"inheritDimensions":"{{InheritDimensions.InheritNone}}","width":"3.68 cm","height":"1.17 cm","image":"{{UserProfile.Ekstralogo.ExtraLogoPPRef.Image}}","visibility":"","type":"image","disableUpdates":false}},{"type":"shape","id":"dac07330-50f4-464b-b0d4-34a0dda4dbc9","elementConfiguration":{"binding":"{{Form.PresentationTitle}}","visibility":"","type":"text","disableUpdates":false}},{"type":"shape","id":"9d9a466d-7aff-4ebc-a9ff-ffef3684cfa3","elementConfiguration":{"binding":"{{StringJoin(\" \", UserProfile.Fornavn,UserProfile.Efternavn)}}","visibility":"{{IfElse(Not(Equals(Form.Dato_Manuel, \"\")), VisibilityType.Hidden, VisibilityType.Visible)}}","type":"text","disableUpdates":false}},{"type":"shape","id":"d7c0f5b1-b642-4ee2-87f9-033c809f68b6","elementConfiguration":{"binding":"{{Form.Dato_Manuel}}","visibility":"","type":"text","disableUpdates":false}},{"type":"shape","id":"760ad853-54a5-4f02-b69a-8c0748b1454e","elementConfiguration":{"inheritDimensions":"{{InheritDimensions.InheritNone}}","width":"1.91 cm","height":"1.91 cm","image":"{{UserProfile.Office.LogoRef.LogoHRef.Image}}","visibility":"","type":"image","disableUpdates":false}},{"type":"shape","id":"99c0cd96-4b16-4993-93d7-0052d7704e54","elementConfiguration":{"inheritDimensions":"{{InheritDimensions.InheritNone}}","width":"3.68 cm","height":"1.17 cm","image":"{{UserProfile.Ekstralogo.ExtraLogoPPRef.Image}}","visibility":"","type":"image","disableUpdates":false}},{"type":"shape","id":"83243a07-91d9-4aa4-91d5-45dc321d14f9","elementConfiguration":{"inheritDimensions":"{{InheritDimensions.InheritNone}}","width":"6.05 cm","height":"1.9 cm","image":"{{UserProfile.Ekstralogo.ExtraLogoSix_PPRef.Image}}","visibility":"","type":"image","disableUpdates":false}},{"type":"shape","id":"bc4bb664-3972-4283-9f93-a262c3325b1d","elementConfiguration":{"binding":"{{UserProfile.Office.Virksomhed}}","visibility":"{{IfElse(Equals(UserProfile.Office.Virksomhed, \"\"), VisibilityType.Hidden, VisibilityType.Visible)}}","type":"text","disableUpdates":false}},{"type":"shape","id":"cc8879a5-6c46-42f8-9a67-7466bc2948fc","elementConfiguration":{"binding":"{{Form.PresentationTitle}}","visibility":"","type":"text","disableUpdates":false}},{"type":"shape","id":"898a60e5-1017-4f99-97a2-cb26a1c04cbb","elementConfiguration":{"binding":"{{StringJoin(\" \", UserProfile.Fornavn,UserProfile.Efternavn)}}","visibility":"{{IfElse(Not(Equals(Form.Dato_Manuel, \"\")), VisibilityType.Hidden, VisibilityType.Visible)}}","type":"text","disableUpdates":false}},{"type":"shape","id":"4bcece71-345c-445e-a3e1-9226b32d5291","elementConfiguration":{"binding":"{{Form.Dato_Manuel}}","visibility":"","type":"text","disableUpdates":false}},{"type":"shape","id":"51006958-3f59-4d07-8501-538604f669aa","elementConfiguration":{"binding":"{{UserProfile.CenterFreeText}}","visibility":"{{IfElse(Equals(UserProfile.Centers.Center, \"\"), VisibilityType.Visible, VisibilityType.Hidden)}}","type":"text","disableUpdates":false}},{"type":"shape","id":"fd2b3ad3-d243-44c7-89b8-c33bb5673ad1","elementConfiguration":{"binding":"{{UserProfile.Centers.Center}}","visibility":"{{IfElse(Equals(UserProfile.Centers.Center, \"\"), VisibilityType.Hidden, VisibilityType.Visible)}}","type":"text","disableUpdates":false}},{"type":"shape","id":"27a36f88-2b11-4cf1-abe2-5dd3472e1a99","elementConfiguration":{"inheritDimensions":"{{InheritDimensions.InheritNone}}","width":"1.91 cm","height":"1.91 cm","image":"{{UserProfile.Office.LogoRef.LogoHRef.Image}}","visibility":"","type":"image","disableUpdates":false}},{"type":"shape","id":"2e6b8db4-bc07-49a7-8a97-547c43b43f96","elementConfiguration":{"binding":"{{UserProfile.Office.Virksomhed}}","visibility":"{{IfElse(Equals(UserProfile.Office.Virksomhed, \"\"), VisibilityType.Hidden, VisibilityType.Visible)}}","type":"text","disableUpdates":false}},{"type":"shape","id":"80da9088-c419-403f-aa55-153918ae8872","elementConfiguration":{"binding":"{{UserProfile.CenterFreeText}}","visibility":"{{IfElse(Equals(UserProfile.Centers.Center, \"\"), VisibilityType.Visible, VisibilityType.Hidden)}}","type":"text","disableUpdates":false}},{"type":"shape","id":"e42b1718-7f41-47ee-a811-5ee57fcee1f1","elementConfiguration":{"binding":"{{UserProfile.Centers.Center}}","visibility":"{{IfElse(Equals(UserProfile.Centers.Center, \"\"), VisibilityType.Hidden, VisibilityType.Visible)}}","type":"text","disableUpdates":false}},{"type":"shape","id":"067ce653-32a3-424f-8409-d1a1cbe6cc3b","elementConfiguration":{"inheritDimensions":"{{InheritDimensions.InheritNone}}","width":"6.05 cm","height":"1.9 cm","image":"{{UserProfile.Ekstralogo.ExtraLogoSix_PPRef.Image}}","visibility":"","type":"image","disableUpdates":false}},{"type":"shape","id":"5f580b26-6084-4b66-b24f-08288be171b4","elementConfiguration":{"inheritDimensions":"{{InheritDimensions.InheritNone}}","width":"3.68 cm","height":"1.17 cm","image":"{{UserProfile.Ekstralogo.ExtraLogoPPRef.Image}}","visibility":"","type":"image","disableUpdates":false}},{"type":"shape","id":"5b2ea68e-8694-4f60-9966-e0f148156af1","elementConfiguration":{"binding":"{{Form.PresentationTitle}}","visibility":"","type":"text","disableUpdates":false}},{"type":"shape","id":"4399d10c-10d8-4db1-93cf-efe644ad62d9","elementConfiguration":{"binding":"{{StringJoin(\" \", UserProfile.Fornavn,UserProfile.Efternavn)}}","visibility":"{{IfElse(Not(Equals(Form.Dato_Manuel, \"\")), VisibilityType.Hidden, VisibilityType.Visible)}}","type":"text","disableUpdates":false}},{"type":"shape","id":"d3e6bf5e-5d78-4cb7-a9d2-6540cd13637c","elementConfiguration":{"binding":"{{Form.Dato_Manuel}}","visibility":"","type":"text","disableUpdates":false}},{"type":"shape","id":"aaad4e4f-0519-4a85-a160-5d79612787f1","elementConfiguration":{"inheritDimensions":"{{InheritDimensions.InheritNone}}","width":"1.91 cm","height":"1.91 cm","image":"{{UserProfile.Office.LogoRef.LogoHRef.Image}}","visibility":"","type":"image","disableUpdates":false}},{"type":"shape","id":"e357358c-bbc4-4bf8-8df4-00802907ca4e","elementConfiguration":{"inheritDimensions":"{{InheritDimensions.InheritNone}}","width":"1.91 cm","height":"1.91 cm","image":"{{UserProfile.Office.LogoRef.LogoHRef.Image}}","visibility":"","type":"image","disableUpdates":false}},{"type":"shape","id":"abd1d7c0-b7e5-4e70-ba20-a29aa166a20d","elementConfiguration":{"inheritDimensions":"{{InheritDimensions.InheritNone}}","width":"6.05 cm","height":"1.9 cm","image":"{{UserProfile.Ekstralogo.ExtraLogoSix_PPRef.Image}}","visibility":"","type":"image","disableUpdates":false}},{"type":"shape","id":"4a4138bd-8613-429b-8b91-ebbe9c03c663","elementConfiguration":{"inheritDimensions":"{{InheritDimensions.InheritNone}}","width":"3.68 cm","height":"1.17 cm","image":"{{UserProfile.Ekstralogo.ExtraLogoPPRef.Image}}","visibility":"","type":"image","disableUpdates":false}},{"type":"shape","id":"324899e8-2724-4cb9-b0cd-0c93fc512e53","elementConfiguration":{"binding":"{{UserProfile.Office.Virksomhed}}","visibility":"{{IfElse(Equals(UserProfile.Office.Virksomhed, \"\"), VisibilityType.Hidden, VisibilityType.Visible)}}","type":"text","disableUpdates":false}},{"type":"shape","id":"d2245f17-6ad2-4454-9804-b2358768f7d6","elementConfiguration":{"binding":"{{Form.PresentationTitle}}","visibility":"","type":"text","disableUpdates":false}},{"type":"shape","id":"44d771a1-af7b-4895-a8da-eb40017340d6","elementConfiguration":{"binding":"{{StringJoin(\" \", UserProfile.Fornavn,UserProfile.Efternavn)}}","visibility":"{{IfElse(Not(Equals(Form.Dato_Manuel, \"\")), VisibilityType.Hidden, VisibilityType.Visible)}}","type":"text","disableUpdates":false}},{"type":"shape","id":"8b75272f-e33f-4261-a3ef-21d7595e1c34","elementConfiguration":{"binding":"{{Form.Dato_Manuel}}","visibility":"","type":"text","disableUpdates":false}},{"type":"shape","id":"ba46fa69-1600-41e1-bbe2-5a396443551a","elementConfiguration":{"binding":"{{UserProfile.CenterFreeText}}","visibility":"{{IfElse(Equals(UserProfile.Centers.Center, \"\"), VisibilityType.Visible, VisibilityType.Hidden)}}","type":"text","disableUpdates":false}},{"type":"shape","id":"e808ab32-3af5-4ca1-8c9e-08676ca08c4e","elementConfiguration":{"binding":"{{UserProfile.Centers.Center}}","visibility":"{{IfElse(Equals(UserProfile.Centers.Center, \"\"), VisibilityType.Hidden, VisibilityType.Visible)}}","type":"text","disableUpdates":false}},{"type":"shape","id":"921dcf68-376d-4e16-8204-33d38d14bffc","elementConfiguration":{"inheritDimensions":"{{InheritDimensions.InheritNone}}","width":"1.91 cm","height":"1.91 cm","image":"{{UserProfile.Office.LogoRef.LogoHRef.Image}}","visibility":"","type":"image","disableUpdates":false}},{"type":"shape","id":"44132f99-4b0c-4c3d-a403-c9ed1b4f9e78","elementConfiguration":{"inheritDimensions":"{{InheritDimensions.InheritNone}}","width":"3.68 cm","height":"1.17 cm","image":"{{UserProfile.Ekstralogo.ExtraLogoPPRef.Image}}","visibility":"","type":"image","disableUpdates":false}},{"type":"shape","id":"0c91693a-b046-41cf-9043-4e9a9ad21c67","elementConfiguration":{"inheritDimensions":"{{InheritDimensions.InheritNone}}","width":"6.05 cm","height":"1.9 cm","image":"{{UserProfile.Ekstralogo.ExtraLogoSix_PPRef.Image}}","visibility":"","type":"image","disableUpdates":false}},{"type":"shape","id":"a83f2e2b-b099-49df-ab01-125e430320e0","elementConfiguration":{"binding":"{{Form.PresentationTitle}}","visibility":"","type":"text","disableUpdates":false}},{"type":"shape","id":"8d4c1067-1d96-4332-9f9d-5997fc97966f","elementConfiguration":{"binding":"{{StringJoin(\" \", UserProfile.Fornavn,UserProfile.Efternavn)}}","visibility":"{{IfElse(Not(Equals(Form.Dato_Manuel, \"\")), VisibilityType.Hidden, VisibilityType.Visible)}}","type":"text","disableUpdates":false}},{"type":"shape","id":"67a923e0-e85b-49a1-a44a-19b0d94a9353","elementConfiguration":{"binding":"{{Form.Dato_Manuel}}","visibility":"","type":"text","disableUpdates":false}},{"type":"shape","id":"e11f980f-6468-4817-918c-2eef9af55996","elementConfiguration":{"binding":"{{UserProfile.CenterFreeText}}","visibility":"{{IfElse(Equals(UserProfile.Centers.Center, \"\"), VisibilityType.Visible, VisibilityType.Hidden)}}","type":"text","disableUpdates":false}},{"type":"shape","id":"edd1b46c-5df3-430a-b837-c5061775983d","elementConfiguration":{"binding":"{{UserProfile.Centers.Center}}","visibility":"{{IfElse(Equals(UserProfile.Centers.Center, \"\"), VisibilityType.Hidden, VisibilityType.Visible)}}","type":"text","disableUpdates":false}},{"type":"shape","id":"8efcaa86-a907-492e-a539-9933298dd1d0","elementConfiguration":{"binding":"{{UserProfile.Office.Virksomhed}}","visibility":"{{IfElse(Equals(UserProfile.Office.Virksomhed, \"\"), VisibilityType.Hidden, VisibilityType.Visible)}}","type":"text","disableUpdates":false}},{"type":"shape","id":"e1ccaedf-a3a2-447b-871e-5974b9be224a","elementConfiguration":{"inheritDimensions":"{{InheritDimensions.InheritNone}}","width":"1.91 cm","height":"1.91 cm","image":"{{UserProfile.Office.LogoRef.LogoHRef.Image}}","visibility":"","type":"image","disableUpdates":false}},{"type":"shape","id":"221898ac-a8d2-461a-86e7-0f0852a52de3","elementConfiguration":{"inheritDimensions":"{{InheritDimensions.InheritNone}}","width":"3.68 cm","height":"1.17 cm","image":"{{UserProfile.Ekstralogo.ExtraLogoPPRef.Image}}","visibility":"","type":"image","disableUpdates":false}},{"type":"shape","id":"95e90076-7f33-40b4-8395-336c0c5a3107","elementConfiguration":{"inheritDimensions":"{{InheritDimensions.InheritNone}}","width":"6.05 cm","height":"1.9 cm","image":"{{UserProfile.Ekstralogo.ExtraLogoSix_PPRef.Image}}","visibility":"","type":"image","disableUpdates":false}},{"type":"shape","id":"4a5a3ed1-271a-450b-9245-6e48b092aeb0","elementConfiguration":{"binding":"{{UserProfile.Office.Virksomhed}}","visibility":"{{IfElse(Equals(UserProfile.Office.Virksomhed, \"\"), VisibilityType.Hidden, VisibilityType.Visible)}}","type":"text","disableUpdates":false}},{"type":"shape","id":"3d658830-038b-4966-a009-903b5a2d9638","elementConfiguration":{"binding":"{{Form.PresentationTitle}}","visibility":"","type":"text","disableUpdates":false}},{"type":"shape","id":"dc7c2048-de1a-4db3-93fe-925803bb3ed9","elementConfiguration":{"binding":"{{StringJoin(\" \", UserProfile.Fornavn,UserProfile.Efternavn)}}","visibility":"{{IfElse(Not(Equals(Form.Dato_Manuel, \"\")), VisibilityType.Hidden, VisibilityType.Visible)}}","type":"text","disableUpdates":false}},{"type":"shape","id":"2b2b9ad6-fe96-4a4a-bd45-9339902715a7","elementConfiguration":{"binding":"{{Form.Dato_Manuel}}","visibility":"","type":"text","disableUpdates":false}},{"type":"shape","id":"2e9ca3df-044f-44ee-8f37-bd4afbe373bc","elementConfiguration":{"binding":"{{UserProfile.CenterFreeText}}","visibility":"{{IfElse(Equals(UserProfile.Centers.Center, \"\"), VisibilityType.Visible, VisibilityType.Hidden)}}","type":"text","disableUpdates":false}},{"type":"shape","id":"5e17f733-f038-4516-ba4c-c5108f5293f2","elementConfiguration":{"binding":"{{UserProfile.Centers.Center}}","visibility":"{{IfElse(Equals(UserProfile.Centers.Center, \"\"), VisibilityType.Hidden, VisibilityType.Visible)}}","type":"text","disableUpdates":false}},{"type":"shape","id":"e96097d6-82c4-4e5b-8de2-67208011056e","elementConfiguration":{"inheritDimensions":"{{InheritDimensions.InheritNone}}","width":"1.91 cm","height":"1.91 cm","image":"{{UserProfile.Office.LogoRef.LogoHRef.Image}}","visibility":"","type":"image","disableUpdates":false}},{"type":"shape","id":"e081a7c1-88d8-48de-b74d-22f349dfa30f","elementConfiguration":{"inheritDimensions":"{{InheritDimensions.InheritNone}}","width":"3.68 cm","height":"1.17 cm","image":"{{UserProfile.Ekstralogo.ExtraLogoPPRef.Image}}","visibility":"","type":"image","disableUpdates":false}},{"type":"shape","id":"44a64e65-c216-4404-99e6-a0e0ad610aae","elementConfiguration":{"inheritDimensions":"{{InheritDimensions.InheritNone}}","width":"6.05 cm","height":"1.9 cm","image":"{{UserProfile.Ekstralogo.ExtraLogoSix_PPRef.Image}}","visibility":"","type":"image","disableUpdates":false}},{"type":"shape","id":"ef0ed760-395d-4a01-83f2-dcfd7057a631","elementConfiguration":{"binding":"{{UserProfile.Office.Virksomhed}}","visibility":"{{IfElse(Equals(UserProfile.Office.Virksomhed, \"\"), VisibilityType.Hidden, VisibilityType.Visible)}}","type":"text","disableUpdates":false}},{"type":"shape","id":"375e4cc9-6af3-4d4d-886e-f3531a260f76","elementConfiguration":{"binding":"{{UserProfile.CenterFreeText}}","visibility":"{{IfElse(Equals(UserProfile.Centers.Center, \"\"), VisibilityType.Visible, VisibilityType.Hidden)}}","type":"text","disableUpdates":false}},{"type":"shape","id":"5edfb535-5d0b-4cb7-824b-7b6efd23a865","elementConfiguration":{"binding":"{{UserProfile.Centers.Center}}","visibility":"{{IfElse(Equals(UserProfile.Centers.Center, \"\"), VisibilityType.Hidden, VisibilityType.Visible)}}","type":"text","disableUpdates":false}},{"type":"shape","id":"e6427c60-74af-40c7-ae29-5feb566eacb5","elementConfiguration":{"binding":"{{Form.PresentationTitle}}","visibility":"","type":"text","disableUpdates":false}},{"type":"shape","id":"0e815743-0584-4bc9-bff9-eff4bc78f5e9","elementConfiguration":{"binding":"{{StringJoin(\" \", UserProfile.Fornavn,UserProfile.Efternavn)}}","visibility":"{{IfElse(Not(Equals(Form.Dato_Manuel, \"\")), VisibilityType.Hidden, VisibilityType.Visible)}}","type":"text","disableUpdates":false}},{"type":"shape","id":"bbb9c8ad-6c1d-482e-a99a-3c428bba3312","elementConfiguration":{"binding":"{{Form.Dato_Manuel}}","visibility":"","type":"text","disableUpdates":false}},{"type":"shape","id":"7998ee09-c5dd-4c25-8895-74f76c0b3fdf","elementConfiguration":{"inheritDimensions":"{{InheritDimensions.InheritNone}}","width":"1.91 cm","height":"1.91 cm","image":"{{UserProfile.Office.LogoRef.LogoHRef.Image}}","visibility":"","type":"image","disableUpdates":false}},{"type":"shape","id":"74ab4b44-b60f-4994-9bbb-c6072947732e","elementConfiguration":{"binding":"{{UserProfile.Office.Virksomhed}}","visibility":"{{IfElse(Equals(UserProfile.Office.Virksomhed, \"\"), VisibilityType.Hidden, VisibilityType.Visible)}}","type":"text","disableUpdates":false}},{"type":"shape","id":"58898491-0e14-4500-8422-a9f7de9c4d0b","elementConfiguration":{"binding":"{{UserProfile.CenterFreeText}}","visibility":"{{IfElse(Equals(UserProfile.Centers.Center, \"\"), VisibilityType.Visible, VisibilityType.Hidden)}}","type":"text","disableUpdates":false}},{"type":"shape","id":"0cb311de-690a-4708-b93b-2e3d1a66a5b1","elementConfiguration":{"binding":"{{UserProfile.Centers.Center}}","visibility":"{{IfElse(Equals(UserProfile.Centers.Center, \"\"), VisibilityType.Hidden, VisibilityType.Visible)}}","type":"text","disableUpdates":false}},{"type":"shape","id":"3af984b9-ebc5-433c-8006-72d7b820f3a5","elementConfiguration":{"inheritDimensions":"{{InheritDimensions.InheritNone}}","width":"6.05 cm","height":"1.9 cm","image":"{{UserProfile.Ekstralogo.ExtraLogoSix_PPRef.Image}}","visibility":"","type":"image","disableUpdates":false}},{"type":"shape","id":"c4757f73-3374-4aab-9f7c-fc8e114733f9","elementConfiguration":{"inheritDimensions":"{{InheritDimensions.InheritNone}}","width":"3.68 cm","height":"1.17 cm","image":"{{UserProfile.Ekstralogo.ExtraLogoPPRef.Image}}","visibility":"","type":"image","disableUpdates":false}},{"type":"shape","id":"a2590f3b-61ea-4c10-b016-eec322587ec8","elementConfiguration":{"binding":"{{Form.PresentationTitle}}","visibility":"","type":"text","disableUpdates":false}},{"type":"shape","id":"7772f112-efaa-4040-ad5c-c73a3046a3de","elementConfiguration":{"binding":"{{StringJoin(\" \", UserProfile.Fornavn,UserProfile.Efternavn)}}","visibility":"{{IfElse(Not(Equals(Form.Dato_Manuel, \"\")), VisibilityType.Hidden, VisibilityType.Visible)}}","type":"text","disableUpdates":false}},{"type":"shape","id":"b5e094ad-4d50-4fc5-9222-ac60405ffbd9","elementConfiguration":{"binding":"{{Form.Dato_Manuel}}","visibility":"","type":"text","disableUpdates":false}},{"type":"shape","id":"8dcbad07-183a-42c2-9c55-ec8c27f6aa1d","elementConfiguration":{"inheritDimensions":"{{InheritDimensions.InheritNone}}","width":"1.91 cm","height":"1.91 cm","image":"{{UserProfile.Office.LogoRef.LogoHRef.Image}}","visibility":"","type":"image","disableUpdates":false}},{"type":"shape","id":"60d1ab34-2d46-49e7-83ae-0083860e21b4","elementConfiguration":{"inheritDimensions":"{{InheritDimensions.InheritNone}}","width":"1.91 cm","height":"1.91 cm","image":"{{UserProfile.Office.LogoRef.LogoHRef.Image}}","visibility":"","type":"image","disableUpdates":false}},{"type":"shape","id":"d04bcdfc-9327-4b26-8fc6-2b49219a6dcc","elementConfiguration":{"binding":"{{UserProfile.Office.Virksomhed}}","visibility":"{{IfElse(Equals(UserProfile.Office.Virksomhed, \"\"), VisibilityType.Hidden, VisibilityType.Visible)}}","type":"text","disableUpdates":false}},{"type":"shape","id":"d76ad1aa-9783-4003-ab2c-62537a985b2e","elementConfiguration":{"binding":"{{UserProfile.CenterFreeText}}","visibility":"{{IfElse(Equals(UserProfile.Centers.Center, \"\"), VisibilityType.Visible, VisibilityType.Hidden)}}","type":"text","disableUpdates":false}},{"type":"shape","id":"6893693b-0364-49e9-8c62-4ebf44f2ac7c","elementConfiguration":{"binding":"{{UserProfile.Centers.Center}}","visibility":"{{IfElse(Equals(UserProfile.Centers.Center, \"\"), VisibilityType.Hidden, VisibilityType.Visible)}}","type":"text","disableUpdates":false}},{"type":"shape","id":"60caf905-6e76-4244-a576-885d9295aafa","elementConfiguration":{"inheritDimensions":"{{InheritDimensions.InheritNone}}","width":"6.05 cm","height":"1.9 cm","image":"{{UserProfile.Ekstralogo.ExtraLogoSix_PPRef.Image}}","visibility":"","type":"image","disableUpdates":false}},{"type":"shape","id":"e4417045-eeb6-4b6d-b25b-80e454c61f3b","elementConfiguration":{"inheritDimensions":"{{InheritDimensions.InheritNone}}","width":"3.68 cm","height":"1.17 cm","image":"{{UserProfile.Ekstralogo.ExtraLogoPPRef.Image}}","visibility":"","type":"image","disableUpdates":false}},{"type":"shape","id":"2b1d2cf7-90e2-4383-8b7f-cc34cbc2f90f","elementConfiguration":{"binding":"{{Form.PresentationTitle}}","visibility":"","type":"text","disableUpdates":false}},{"type":"shape","id":"b33a0174-870a-458b-a70b-c332eaff6095","elementConfiguration":{"binding":"{{StringJoin(\" \", UserProfile.Fornavn,UserProfile.Efternavn)}}","visibility":"{{IfElse(Not(Equals(Form.Dato_Manuel, \"\")), VisibilityType.Hidden, VisibilityType.Visible)}}","type":"text","disableUpdates":false}},{"type":"shape","id":"ee889bf8-13a9-45f6-b804-3da2d7b617db","elementConfiguration":{"binding":"{{Form.Dato_Manuel}}","visibility":"","type":"text","disableUpdates":false}},{"type":"shape","id":"abb67a12-df95-431d-8452-1d4e355d8fdf","elementConfiguration":{"inheritDimensions":"{{InheritDimensions.InheritNone}}","width":"1.91 cm","height":"1.91 cm","image":"{{UserProfile.Office.LogoRef.LogoHRef.Image}}","visibility":"","type":"image","disableUpdates":false}},{"type":"shape","id":"886a0ee6-e5ac-407e-958d-7069c6348349","elementConfiguration":{"binding":"{{Form.PresentationTitle}}","visibility":"{{IfElse(Equals(Form.PresentationTitle, \"\"), VisibilityType.Hidden, VisibilityType.Visible)}}","type":"text","disableUpdates":false}},{"type":"shape","id":"b5ec62b9-3bb8-4c55-9840-0770fd1e5aab","elementConfiguration":{"binding":"{{Form.Dato_Manuel}}","visibility":"{{IfElse(Equals(Form.Dato_Manuel, \"\"), VisibilityType.Hidden, VisibilityType.Visible)}}","type":"text","disableUpdates":false}},{"type":"shape","id":"38ea616a-297b-437c-8642-2da755cbe247","elementConfiguration":{"binding":"{{StringJoin(\" \", UserProfile.Fornavn,UserProfile.Efternavn)}}","visibility":"{{IfElse(Not(Equals(Form.Dato_Manuel, \"\")), VisibilityType.Hidden, VisibilityType.Visible)}}","type":"text","disableUpdates":false}},{"type":"shape","id":"d0cdebd7-e2bd-4048-af9b-dd0a863f7e89","elementConfiguration":{"binding":"{{UserProfile.Office.Virksomhed}}","visibility":"{{IfElse(Equals(UserProfile.Office.Virksomhed, \"\"), VisibilityType.Hidden, VisibilityType.Visible)}}","type":"text","disableUpdates":false}},{"type":"shape","id":"28850e71-6659-4439-8ec1-1dbc6e3053ac","elementConfiguration":{"inheritDimensions":"{{InheritDimensions.InheritNone}}","width":"3.68 cm","height":"1.17 cm","image":"{{UserProfile.Ekstralogo.ExtraLogoPPNEGRef.Image}}","visibility":"","type":"image","disableUpdates":false}},{"type":"shape","id":"73b1a7a8-7249-4425-bd4a-50b2572d624c","elementConfiguration":{"inheritDimensions":"{{InheritDimensions.InheritNone}}","width":"6.05 cm","height":"1.9 cm","image":"{{UserProfile.Ekstralogo.ExtraLogoSixNEG_PPRef.Image}}","visibility":"","type":"image","disableUpdates":false}},{"type":"shape","id":"3f5f0993-c674-4621-a356-0ab75659e01a","elementConfiguration":{"binding":"{{UserProfile.CenterFreeText}}","visibility":"{{IfElse(Equals(UserProfile.Centers.Center, \"\"), VisibilityType.Visible, VisibilityType.Hidden)}}","type":"text","disableUpdates":false}},{"type":"shape","id":"3801a26d-fb85-4c22-b2b2-f63c40ed7311","elementConfiguration":{"binding":"{{UserProfile.Centers.Center}}","visibility":"{{IfElse(Equals(UserProfile.Centers.Center, \"\"), VisibilityType.Hidden, VisibilityType.Visible)}}","type":"text","disableUpdates":false}},{"type":"shape","id":"cac6cc7f-f160-4056-ae80-2fe38aeb6cf2","elementConfiguration":{"inheritDimensions":"{{InheritDimensions.InheritNone}}","width":"1.91 cm","height":"1.91 cm","image":"{{UserProfile.Office.LogoRef.LogoHRef.Image}}","visibility":"","type":"image","disableUpdates":false}},{"type":"shape","id":"e0ba05e5-fc3a-47c9-82d4-c0ad0afc46a5","elementConfiguration":{"inheritDimensions":"{{InheritDimensions.InheritNone}}","width":"3.68 cm","height":"1.17 cm","image":"{{UserProfile.Ekstralogo.ExtraLogoPPRef.Image}}","visibility":"","type":"image","disableUpdates":false}},{"type":"shape","id":"d5994760-5115-4931-967b-faef31dea5c4","elementConfiguration":{"binding":"{{Form.PresentationTitle}}","visibility":"","type":"text","disableUpdates":false}},{"type":"shape","id":"83f7535e-9730-41e4-9223-076b75b9c142","elementConfiguration":{"binding":"{{StringJoin(\" \", UserProfile.Fornavn,UserProfile.Efternavn)}}","visibility":"{{IfElse(Not(Equals(Form.Dato_Manuel, \"\")), VisibilityType.Hidden, VisibilityType.Visible)}}","type":"text","disableUpdates":false}},{"type":"shape","id":"192dc4c9-2d40-4746-8c89-ba24ce05f49b","elementConfiguration":{"binding":"{{Form.Dato_Manuel}}","visibility":"","type":"text","disableUpdates":false}},{"type":"shape","id":"dfc6d85d-9cff-4be9-9060-461ae5258117","elementConfiguration":{"inheritDimensions":"{{InheritDimensions.InheritNone}}","width":"6.05 cm","height":"1.9 cm","image":"{{UserProfile.Ekstralogo.ExtraLogoSix_PPRef.Image}}","visibility":"","type":"image","disableUpdates":false}},{"type":"shape","id":"656a47ed-e16f-4920-94bc-7b95f3fd1a99","elementConfiguration":{"binding":"{{UserProfile.Office.Virksomhed}}","visibility":"{{IfElse(Equals(UserProfile.Office.Virksomhed, \"\"), VisibilityType.Hidden, VisibilityType.Visible)}}","type":"text","disableUpdates":false}},{"type":"shape","id":"107c94b6-b26a-496f-879e-a2934ea5424b","elementConfiguration":{"binding":"{{UserProfile.CenterFreeText}}","visibility":"{{IfElse(Equals(UserProfile.Centers.Center, \"\"), VisibilityType.Visible, VisibilityType.Hidden)}}","type":"text","disableUpdates":false}},{"type":"shape","id":"4d8a46f9-13b3-48b7-9066-6c9afeeb0954","elementConfiguration":{"binding":"{{UserProfile.Centers.Center}}","visibility":"{{IfElse(Equals(UserProfile.Centers.Center, \"\"), VisibilityType.Hidden, VisibilityType.Visible)}}","type":"text","disableUpdates":false}},{"type":"shape","id":"293d0fd8-74e4-44ef-883f-8b668980f49b","elementConfiguration":{"inheritDimensions":"{{InheritDimensions.InheritNone}}","width":"3.68 cm","height":"1.17 cm","image":"{{UserProfile.Ekstralogo.ExtraLogoPPRef.Image}}","visibility":"","type":"image","disableUpdates":false}},{"type":"shape","id":"26d0add7-952c-4f63-a449-9cd9b554b986","elementConfiguration":{"inheritDimensions":"{{InheritDimensions.InheritNone}}","width":"6.05 cm","height":"1.9 cm","image":"{{UserProfile.Ekstralogo.ExtraLogoSix_PPRef.Image}}","visibility":"","type":"image","disableUpdates":false}},{"type":"shape","id":"55be1d24-c2e4-42b7-93e9-2d47fbdfdf6d","elementConfiguration":{"binding":"{{Form.PresentationTitle}}","visibility":"","type":"text","disableUpdates":false}},{"type":"shape","id":"3542c265-cb3b-4e5a-9994-77bee225756d","elementConfiguration":{"binding":"{{StringJoin(\" \", UserProfile.Fornavn,UserProfile.Efternavn)}}","visibility":"{{IfElse(Not(Equals(Form.Dato_Manuel, \"\")), VisibilityType.Hidden, VisibilityType.Visible)}}","type":"text","disableUpdates":false}},{"type":"shape","id":"8fac22e4-d95a-47d5-9c7f-c6878495c4e2","elementConfiguration":{"binding":"{{Form.Dato_Manuel}}","visibility":"","type":"text","disableUpdates":false}},{"type":"shape","id":"64c1739a-7c1e-4120-b177-33f78e9a099f","elementConfiguration":{"inheritDimensions":"{{InheritDimensions.InheritNone}}","width":"1.91 cm","height":"1.91 cm","image":"{{UserProfile.Office.LogoRef.LogoHRef.Image}}","visibility":"","type":"image","disableUpdates":false}},{"type":"shape","id":"8d3c5917-f978-4702-a571-42226b02e3b6","elementConfiguration":{"inheritDimensions":"{{InheritDimensions.InheritNone}}","width":"3.68 cm","height":"1.17 cm","image":"{{UserProfile.Ekstralogo.ExtraLogoPPRef.Image}}","visibility":"","type":"image","disableUpdates":false}},{"type":"shape","id":"53d11558-974f-4fb8-9d6f-0f2413baaa20","elementConfiguration":{"inheritDimensions":"{{InheritDimensions.InheritNone}}","width":"6.05 cm","height":"1.9 cm","image":"{{UserProfile.Ekstralogo.ExtraLogoSix_PPRef.Image}}","visibility":"","type":"image","disableUpdates":false}},{"type":"shape","id":"a5667c80-a98a-49fa-b8fa-cde9b73e1d24","elementConfiguration":{"binding":"{{UserProfile.Office.Virksomhed}}","visibility":"{{IfElse(Equals(UserProfile.Office.Virksomhed, \"\"), VisibilityType.Hidden, VisibilityType.Visible)}}","type":"text","disableUpdates":false}},{"type":"shape","id":"78171aa9-e9f5-44c2-ae7f-578730312991","elementConfiguration":{"binding":"{{Form.PresentationTitle}}","visibility":"","type":"text","disableUpdates":false}},{"type":"shape","id":"2d308d12-b2f3-4d54-a91a-935cf4cd491a","elementConfiguration":{"binding":"{{StringJoin(\" \", UserProfile.Fornavn,UserProfile.Efternavn)}}","visibility":"{{IfElse(Not(Equals(Form.Dato_Manuel, \"\")), VisibilityType.Hidden, VisibilityType.Visible)}}","type":"text","disableUpdates":false}},{"type":"shape","id":"7216cc43-1cc2-490c-8b02-d32c562a5154","elementConfiguration":{"binding":"{{Form.Dato_Manuel}}","visibility":"","type":"text","disableUpdates":false}},{"type":"shape","id":"5dee99bb-8c57-421e-930e-bcb4671ffaef","elementConfiguration":{"binding":"{{UserProfile.CenterFreeText}}","visibility":"{{IfElse(Equals(UserProfile.Centers.Center, \"\"), VisibilityType.Visible, VisibilityType.Hidden)}}","type":"text","disableUpdates":false}},{"type":"shape","id":"aa9f8e33-c9ef-4481-8115-adec5737af69","elementConfiguration":{"binding":"{{UserProfile.Centers.Center}}","visibility":"{{IfElse(Equals(UserProfile.Centers.Center, \"\"), VisibilityType.Hidden, VisibilityType.Visible)}}","type":"text","disableUpdates":false}},{"type":"shape","id":"cc65bfd6-b244-4a20-a2f2-df8b39d20abf","elementConfiguration":{"inheritDimensions":"{{InheritDimensions.InheritNone}}","width":"1.91 cm","height":"1.91 cm","image":"{{UserProfile.Office.LogoRef.LogoHRef.Image}}","visibility":"","type":"image","disableUpdates":false}},{"type":"shape","id":"64e06491-645d-44cb-9d0e-e6fcc24ebd02","elementConfiguration":{"inheritDimensions":"{{InheritDimensions.InheritNone}}","width":"3.68 cm","height":"1.17 cm","image":"{{UserProfile.Ekstralogo.ExtraLogoPPRef.Image}}","visibility":"","type":"image","disableUpdates":false}},{"type":"shape","id":"9b84792a-927a-4b12-b621-ce9cd41d6536","elementConfiguration":{"inheritDimensions":"{{InheritDimensions.InheritNone}}","width":"6.05 cm","height":"1.9 cm","image":"{{UserProfile.Ekstralogo.ExtraLogoSix_PPRef.Image}}","visibility":"","type":"image","disableUpdates":false}},{"type":"shape","id":"fd44cfa5-606c-4cf4-9c00-b06005f6b0d6","elementConfiguration":{"binding":"{{UserProfile.Office.Virksomhed}}","visibility":"{{IfElse(Equals(UserProfile.Office.Virksomhed, \"\"), VisibilityType.Hidden, VisibilityType.Visible)}}","type":"text","disableUpdates":false}},{"type":"shape","id":"b3b72b01-1221-49d5-8c91-b4996f3a5d8e","elementConfiguration":{"binding":"{{Form.PresentationTitle}}","visibility":"","type":"text","disableUpdates":false}},{"type":"shape","id":"0ff943e7-88b3-4d5f-9c2b-0a1692b25cfb","elementConfiguration":{"binding":"{{StringJoin(\" \", UserProfile.Fornavn,UserProfile.Efternavn)}}","visibility":"{{IfElse(Not(Equals(Form.Dato_Manuel, \"\")), VisibilityType.Hidden, VisibilityType.Visible)}}","type":"text","disableUpdates":false}},{"type":"shape","id":"98257f44-660c-4eaf-a883-85a459c66d2f","elementConfiguration":{"binding":"{{Form.Dato_Manuel}}","visibility":"","type":"text","disableUpdates":false}},{"type":"shape","id":"ea539018-29ce-4a6b-8bd3-e10e95ca99ff","elementConfiguration":{"binding":"{{UserProfile.CenterFreeText}}","visibility":"{{IfElse(Equals(UserProfile.Centers.Center, \"\"), VisibilityType.Visible, VisibilityType.Hidden)}}","type":"text","disableUpdates":false}},{"type":"shape","id":"4dd87c46-2887-4f07-9538-2b1554321026","elementConfiguration":{"binding":"{{UserProfile.Centers.Center}}","visibility":"{{IfElse(Equals(UserProfile.Centers.Center, \"\"), VisibilityType.Hidden, VisibilityType.Visible)}}","type":"text","disableUpdates":false}},{"type":"shape","id":"14c71f94-58f8-4e1c-9c40-865fab9216fd","elementConfiguration":{"inheritDimensions":"{{InheritDimensions.InheritNone}}","width":"1.91 cm","height":"1.91 cm","image":"{{UserProfile.Office.LogoRef.LogoHRef.Image}}","visibility":"","type":"image","disableUpdates":false}},{"type":"shape","id":"bc9f2d6e-11f1-4cd2-afb5-6205cf6c744e","elementConfiguration":{"inheritDimensions":"{{InheritDimensions.InheritNone}}","width":"3.68 cm","height":"1.17 cm","image":"{{UserProfile.Ekstralogo.ExtraLogoPPRef.Image}}","visibility":"","type":"image","disableUpdates":false}},{"type":"shape","id":"d9022d31-1773-479f-bb06-4f1361810f54","elementConfiguration":{"inheritDimensions":"{{InheritDimensions.InheritNone}}","width":"6.05 cm","height":"1.9 cm","image":"{{UserProfile.Ekstralogo.ExtraLogoSix_PPRef.Image}}","visibility":"","type":"image","disableUpdates":false}},{"type":"shape","id":"49f1ce18-f3ae-488f-a358-bb389e8e5965","elementConfiguration":{"binding":"{{UserProfile.Office.Virksomhed}}","visibility":"{{IfElse(Equals(UserProfile.Office.Virksomhed, \"\"), VisibilityType.Hidden, VisibilityType.Visible)}}","type":"text","disableUpdates":false}},{"type":"shape","id":"90a94f5d-7c8b-4b89-921b-a228c933a5c2","elementConfiguration":{"binding":"{{Form.PresentationTitle}}","visibility":"","type":"text","disableUpdates":false}},{"type":"shape","id":"169fd2e3-cd41-4654-b7f1-944106f6f25e","elementConfiguration":{"binding":"{{StringJoin(\" \", UserProfile.Fornavn,UserProfile.Efternavn)}}","visibility":"{{IfElse(Not(Equals(Form.Dato_Manuel, \"\")), VisibilityType.Hidden, VisibilityType.Visible)}}","type":"text","disableUpdates":false}},{"type":"shape","id":"b83cf1d0-1375-42de-be25-5e5173b35adf","elementConfiguration":{"binding":"{{Form.Dato_Manuel}}","visibility":"","type":"text","disableUpdates":false}},{"type":"shape","id":"626e2fff-0abb-4989-bc33-c9941c738af1","elementConfiguration":{"binding":"{{UserProfile.CenterFreeText}}","visibility":"{{IfElse(Equals(UserProfile.Centers.Center, \"\"), VisibilityType.Visible, VisibilityType.Hidden)}}","type":"text","disableUpdates":false}},{"type":"shape","id":"fe280121-64ea-466d-8678-92e6a52d12db","elementConfiguration":{"binding":"{{UserProfile.Centers.Center}}","visibility":"{{IfElse(Equals(UserProfile.Centers.Center, \"\"), VisibilityType.Hidden, VisibilityType.Visible)}}","type":"text","disableUpdates":false}}],"transformationConfigurations":[{"colorTheme":"{{UserProfile.Office.ThemecolorRef.ColorTheme}}","disableUpdates":false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type":"colorTheme"}],"templateName":"Standard_v3","templateDescription":"","enableDocumentContentUpdater":true,"version":"2.0"}]]></TemplafyTemplateConfiguration>
</file>

<file path=customXml/item4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126276315435918950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3BBDB66-E0BA-4922-A72A-D92E49D2F91A}">
  <ds:schemaRefs/>
</ds:datastoreItem>
</file>

<file path=customXml/itemProps2.xml><?xml version="1.0" encoding="utf-8"?>
<ds:datastoreItem xmlns:ds="http://schemas.openxmlformats.org/officeDocument/2006/customXml" ds:itemID="{B0D2E709-FA3C-4E2D-A1F5-DD257C406372}">
  <ds:schemaRefs/>
</ds:datastoreItem>
</file>

<file path=customXml/itemProps3.xml><?xml version="1.0" encoding="utf-8"?>
<ds:datastoreItem xmlns:ds="http://schemas.openxmlformats.org/officeDocument/2006/customXml" ds:itemID="{978984FF-6C25-4FD4-85EA-2F9586C8CA61}">
  <ds:schemaRefs/>
</ds:datastoreItem>
</file>

<file path=customXml/itemProps4.xml><?xml version="1.0" encoding="utf-8"?>
<ds:datastoreItem xmlns:ds="http://schemas.openxmlformats.org/officeDocument/2006/customXml" ds:itemID="{D0F44FCD-1ED5-46D8-98E6-453A5D8A7E1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560</Words>
  <Application>Microsoft Office PowerPoint</Application>
  <PresentationFormat>Widescreen</PresentationFormat>
  <Paragraphs>239</Paragraphs>
  <Slides>34</Slides>
  <Notes>19</Notes>
  <HiddenSlides>1</HiddenSlides>
  <MMClips>0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34</vt:i4>
      </vt:variant>
    </vt:vector>
  </HeadingPairs>
  <TitlesOfParts>
    <vt:vector size="42" baseType="lpstr">
      <vt:lpstr>Aptos</vt:lpstr>
      <vt:lpstr>Arial</vt:lpstr>
      <vt:lpstr>Mari Office Book</vt:lpstr>
      <vt:lpstr>Raleway</vt:lpstr>
      <vt:lpstr>Raleway ExtraBold</vt:lpstr>
      <vt:lpstr>Symbol</vt:lpstr>
      <vt:lpstr>RegionH PowerPoint-skabelon 2024 (lys)</vt:lpstr>
      <vt:lpstr>RegionH PowerPoint-skabelon 2024 (mørk)</vt:lpstr>
      <vt:lpstr>Overlægerådsmøde om sundhedsreforme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Sundhedsreformen:  På vej mod sundhedsledelse  </vt:lpstr>
      <vt:lpstr>Fra hospitalsledelse til sundhedsledelse </vt:lpstr>
      <vt:lpstr>Hvorfra og hvortil? </vt:lpstr>
      <vt:lpstr>PowerPoint-præsentation</vt:lpstr>
      <vt:lpstr> Sundhedsråd i  Region Østdanmark</vt:lpstr>
      <vt:lpstr>Sundhedsrådet for Amager og Vestegnen</vt:lpstr>
      <vt:lpstr>Det nære sundhedsvæsen:  Kommunalt opgaveflyt og almen praksis</vt:lpstr>
      <vt:lpstr>PowerPoint-præsentation</vt:lpstr>
      <vt:lpstr>Struktur for akutsygeplejen og pladserne</vt:lpstr>
      <vt:lpstr>Data vedr. Sundheds- og omsorgspladser</vt:lpstr>
      <vt:lpstr>Nuværende geografiske placering af kommunale pladser </vt:lpstr>
      <vt:lpstr>Fremtidige fokusområder ifm. almen praksis</vt:lpstr>
      <vt:lpstr>Hvad betyder det for jer?</vt:lpstr>
      <vt:lpstr>Sundhedsledelsesopgaven kalder på transformation</vt:lpstr>
      <vt:lpstr>Den samlede organisation skal udvikle nye måder at levere sundhedsydelser på</vt:lpstr>
      <vt:lpstr>Fokus i afdelingerne: kædeansvar og populationsansvar</vt:lpstr>
      <vt:lpstr>Udvikling af organisation og evner til omstilling over tid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Bidrag fra alle sundhedsfaglige råd - udvalgte</vt:lpstr>
      <vt:lpstr>Bidrag fra alle sundhedsfaglige råd - udvalgte</vt:lpstr>
      <vt:lpstr>Bidrag fra alle sundhedsfaglige råd - udvalgte</vt:lpstr>
      <vt:lpstr>Spørgsmål eller kommentarer?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5-11-26T05:50:09Z</dcterms:created>
  <dcterms:modified xsi:type="dcterms:W3CDTF">2026-01-08T08:40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8-29T10:42:59</vt:lpwstr>
  </property>
  <property fmtid="{D5CDD505-2E9C-101B-9397-08002B2CF9AE}" pid="3" name="TemplafyTenantId">
    <vt:lpwstr>regionh</vt:lpwstr>
  </property>
  <property fmtid="{D5CDD505-2E9C-101B-9397-08002B2CF9AE}" pid="4" name="TemplafyTemplateId">
    <vt:lpwstr>1262763154708889604</vt:lpwstr>
  </property>
  <property fmtid="{D5CDD505-2E9C-101B-9397-08002B2CF9AE}" pid="5" name="TemplafyUserProfileId">
    <vt:lpwstr>981479914289496557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